
<file path=[Content_Types].xml><?xml version="1.0" encoding="utf-8"?>
<Types xmlns="http://schemas.openxmlformats.org/package/2006/content-types">
  <Default Extension="bin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</p:sldMasterIdLst>
  <p:notesMasterIdLst>
    <p:notesMasterId r:id="rId10"/>
  </p:notesMasterIdLst>
  <p:handoutMasterIdLst>
    <p:handoutMasterId r:id="rId11"/>
  </p:handoutMasterIdLst>
  <p:sldIdLst>
    <p:sldId id="256" r:id="rId9"/>
  </p:sldIdLst>
  <p:sldSz cx="30311725" cy="21383625"/>
  <p:notesSz cx="6858000" cy="9144000"/>
  <p:defaultTextStyle>
    <a:defPPr>
      <a:defRPr lang="en-US"/>
    </a:defPPr>
    <a:lvl1pPr marL="0" algn="l" defTabSz="2481252" rtl="0" eaLnBrk="1" latinLnBrk="0" hangingPunct="1">
      <a:defRPr sz="4885" kern="1200">
        <a:solidFill>
          <a:schemeClr val="tx1"/>
        </a:solidFill>
        <a:latin typeface="+mn-lt"/>
        <a:ea typeface="+mn-ea"/>
        <a:cs typeface="+mn-cs"/>
      </a:defRPr>
    </a:lvl1pPr>
    <a:lvl2pPr marL="1240625" algn="l" defTabSz="2481252" rtl="0" eaLnBrk="1" latinLnBrk="0" hangingPunct="1">
      <a:defRPr sz="4885" kern="1200">
        <a:solidFill>
          <a:schemeClr val="tx1"/>
        </a:solidFill>
        <a:latin typeface="+mn-lt"/>
        <a:ea typeface="+mn-ea"/>
        <a:cs typeface="+mn-cs"/>
      </a:defRPr>
    </a:lvl2pPr>
    <a:lvl3pPr marL="2481252" algn="l" defTabSz="2481252" rtl="0" eaLnBrk="1" latinLnBrk="0" hangingPunct="1">
      <a:defRPr sz="4885" kern="1200">
        <a:solidFill>
          <a:schemeClr val="tx1"/>
        </a:solidFill>
        <a:latin typeface="+mn-lt"/>
        <a:ea typeface="+mn-ea"/>
        <a:cs typeface="+mn-cs"/>
      </a:defRPr>
    </a:lvl3pPr>
    <a:lvl4pPr marL="3721877" algn="l" defTabSz="2481252" rtl="0" eaLnBrk="1" latinLnBrk="0" hangingPunct="1">
      <a:defRPr sz="4885" kern="1200">
        <a:solidFill>
          <a:schemeClr val="tx1"/>
        </a:solidFill>
        <a:latin typeface="+mn-lt"/>
        <a:ea typeface="+mn-ea"/>
        <a:cs typeface="+mn-cs"/>
      </a:defRPr>
    </a:lvl4pPr>
    <a:lvl5pPr marL="4962504" algn="l" defTabSz="2481252" rtl="0" eaLnBrk="1" latinLnBrk="0" hangingPunct="1">
      <a:defRPr sz="4885" kern="1200">
        <a:solidFill>
          <a:schemeClr val="tx1"/>
        </a:solidFill>
        <a:latin typeface="+mn-lt"/>
        <a:ea typeface="+mn-ea"/>
        <a:cs typeface="+mn-cs"/>
      </a:defRPr>
    </a:lvl5pPr>
    <a:lvl6pPr marL="6203129" algn="l" defTabSz="2481252" rtl="0" eaLnBrk="1" latinLnBrk="0" hangingPunct="1">
      <a:defRPr sz="4885" kern="1200">
        <a:solidFill>
          <a:schemeClr val="tx1"/>
        </a:solidFill>
        <a:latin typeface="+mn-lt"/>
        <a:ea typeface="+mn-ea"/>
        <a:cs typeface="+mn-cs"/>
      </a:defRPr>
    </a:lvl6pPr>
    <a:lvl7pPr marL="7443755" algn="l" defTabSz="2481252" rtl="0" eaLnBrk="1" latinLnBrk="0" hangingPunct="1">
      <a:defRPr sz="4885" kern="1200">
        <a:solidFill>
          <a:schemeClr val="tx1"/>
        </a:solidFill>
        <a:latin typeface="+mn-lt"/>
        <a:ea typeface="+mn-ea"/>
        <a:cs typeface="+mn-cs"/>
      </a:defRPr>
    </a:lvl7pPr>
    <a:lvl8pPr marL="8684381" algn="l" defTabSz="2481252" rtl="0" eaLnBrk="1" latinLnBrk="0" hangingPunct="1">
      <a:defRPr sz="4885" kern="1200">
        <a:solidFill>
          <a:schemeClr val="tx1"/>
        </a:solidFill>
        <a:latin typeface="+mn-lt"/>
        <a:ea typeface="+mn-ea"/>
        <a:cs typeface="+mn-cs"/>
      </a:defRPr>
    </a:lvl8pPr>
    <a:lvl9pPr marL="9925007" algn="l" defTabSz="2481252" rtl="0" eaLnBrk="1" latinLnBrk="0" hangingPunct="1">
      <a:defRPr sz="4885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66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B2D5EA9-0329-5887-5187-E68FDB70BFDA}" v="1" dt="2025-02-03T09:36:26.56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88523" autoAdjust="0"/>
  </p:normalViewPr>
  <p:slideViewPr>
    <p:cSldViewPr snapToGrid="0" showGuides="1">
      <p:cViewPr>
        <p:scale>
          <a:sx n="40" d="100"/>
          <a:sy n="40" d="100"/>
        </p:scale>
        <p:origin x="1050" y="3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ableStyles" Target="tableStyles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3/02/2025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3/02/2025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1243013" y="1143000"/>
            <a:ext cx="4371975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2481252" rtl="0" eaLnBrk="1" latinLnBrk="0" hangingPunct="1">
      <a:defRPr sz="3256" kern="1200">
        <a:solidFill>
          <a:schemeClr val="tx1"/>
        </a:solidFill>
        <a:latin typeface="+mn-lt"/>
        <a:ea typeface="+mn-ea"/>
        <a:cs typeface="+mn-cs"/>
      </a:defRPr>
    </a:lvl1pPr>
    <a:lvl2pPr marL="1240625" algn="l" defTabSz="2481252" rtl="0" eaLnBrk="1" latinLnBrk="0" hangingPunct="1">
      <a:defRPr sz="3256" kern="1200">
        <a:solidFill>
          <a:schemeClr val="tx1"/>
        </a:solidFill>
        <a:latin typeface="+mn-lt"/>
        <a:ea typeface="+mn-ea"/>
        <a:cs typeface="+mn-cs"/>
      </a:defRPr>
    </a:lvl2pPr>
    <a:lvl3pPr marL="2481252" algn="l" defTabSz="2481252" rtl="0" eaLnBrk="1" latinLnBrk="0" hangingPunct="1">
      <a:defRPr sz="3256" kern="1200">
        <a:solidFill>
          <a:schemeClr val="tx1"/>
        </a:solidFill>
        <a:latin typeface="+mn-lt"/>
        <a:ea typeface="+mn-ea"/>
        <a:cs typeface="+mn-cs"/>
      </a:defRPr>
    </a:lvl3pPr>
    <a:lvl4pPr marL="3721877" algn="l" defTabSz="2481252" rtl="0" eaLnBrk="1" latinLnBrk="0" hangingPunct="1">
      <a:defRPr sz="3256" kern="1200">
        <a:solidFill>
          <a:schemeClr val="tx1"/>
        </a:solidFill>
        <a:latin typeface="+mn-lt"/>
        <a:ea typeface="+mn-ea"/>
        <a:cs typeface="+mn-cs"/>
      </a:defRPr>
    </a:lvl4pPr>
    <a:lvl5pPr marL="4962504" algn="l" defTabSz="2481252" rtl="0" eaLnBrk="1" latinLnBrk="0" hangingPunct="1">
      <a:defRPr sz="3256" kern="1200">
        <a:solidFill>
          <a:schemeClr val="tx1"/>
        </a:solidFill>
        <a:latin typeface="+mn-lt"/>
        <a:ea typeface="+mn-ea"/>
        <a:cs typeface="+mn-cs"/>
      </a:defRPr>
    </a:lvl5pPr>
    <a:lvl6pPr marL="6203129" algn="l" defTabSz="2481252" rtl="0" eaLnBrk="1" latinLnBrk="0" hangingPunct="1">
      <a:defRPr sz="3256" kern="1200">
        <a:solidFill>
          <a:schemeClr val="tx1"/>
        </a:solidFill>
        <a:latin typeface="+mn-lt"/>
        <a:ea typeface="+mn-ea"/>
        <a:cs typeface="+mn-cs"/>
      </a:defRPr>
    </a:lvl6pPr>
    <a:lvl7pPr marL="7443755" algn="l" defTabSz="2481252" rtl="0" eaLnBrk="1" latinLnBrk="0" hangingPunct="1">
      <a:defRPr sz="3256" kern="1200">
        <a:solidFill>
          <a:schemeClr val="tx1"/>
        </a:solidFill>
        <a:latin typeface="+mn-lt"/>
        <a:ea typeface="+mn-ea"/>
        <a:cs typeface="+mn-cs"/>
      </a:defRPr>
    </a:lvl7pPr>
    <a:lvl8pPr marL="8684381" algn="l" defTabSz="2481252" rtl="0" eaLnBrk="1" latinLnBrk="0" hangingPunct="1">
      <a:defRPr sz="3256" kern="1200">
        <a:solidFill>
          <a:schemeClr val="tx1"/>
        </a:solidFill>
        <a:latin typeface="+mn-lt"/>
        <a:ea typeface="+mn-ea"/>
        <a:cs typeface="+mn-cs"/>
      </a:defRPr>
    </a:lvl8pPr>
    <a:lvl9pPr marL="9925007" algn="l" defTabSz="2481252" rtl="0" eaLnBrk="1" latinLnBrk="0" hangingPunct="1">
      <a:defRPr sz="3256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65014" y="5185935"/>
            <a:ext cx="17972405" cy="76115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663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88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865013" y="6140972"/>
            <a:ext cx="17972405" cy="2551122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51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698"/>
            </a:lvl2pPr>
            <a:lvl3pPr marL="0" indent="0" algn="l">
              <a:buFont typeface="Arial" panose="020B0604020202020204" pitchFamily="34" charset="0"/>
              <a:buChar char="​"/>
              <a:defRPr sz="1698"/>
            </a:lvl3pPr>
            <a:lvl4pPr marL="0" indent="0" algn="l">
              <a:buFont typeface="Arial" panose="020B0604020202020204" pitchFamily="34" charset="0"/>
              <a:buChar char="​"/>
              <a:defRPr sz="1698"/>
            </a:lvl4pPr>
            <a:lvl5pPr marL="0" indent="0" algn="l">
              <a:buFont typeface="Arial" panose="020B0604020202020204" pitchFamily="34" charset="0"/>
              <a:buChar char="​"/>
              <a:defRPr sz="1698"/>
            </a:lvl5pPr>
            <a:lvl6pPr marL="0" indent="0" algn="l">
              <a:buFont typeface="Arial" panose="020B0604020202020204" pitchFamily="34" charset="0"/>
              <a:buChar char="​"/>
              <a:defRPr sz="1698"/>
            </a:lvl6pPr>
            <a:lvl7pPr marL="0" indent="0" algn="l">
              <a:buFont typeface="Arial" panose="020B0604020202020204" pitchFamily="34" charset="0"/>
              <a:buChar char="​"/>
              <a:defRPr sz="1698"/>
            </a:lvl7pPr>
            <a:lvl8pPr marL="0" indent="0" algn="l">
              <a:buFont typeface="Arial" panose="020B0604020202020204" pitchFamily="34" charset="0"/>
              <a:buChar char="​"/>
              <a:defRPr sz="1698"/>
            </a:lvl8pPr>
            <a:lvl9pPr marL="0" indent="0" algn="l">
              <a:buFont typeface="Arial" panose="020B0604020202020204" pitchFamily="34" charset="0"/>
              <a:buChar char="​"/>
              <a:defRPr sz="1698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65013" y="9152018"/>
            <a:ext cx="11687029" cy="4790053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65013" y="15824147"/>
            <a:ext cx="5413489" cy="4931164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138553" y="15824147"/>
            <a:ext cx="5413489" cy="4931165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13423929" y="15824147"/>
            <a:ext cx="5413489" cy="4931165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0A5AF9B-E4B5-4865-BB81-855E2FE177E4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21436274" y="6140971"/>
            <a:ext cx="5413491" cy="14614339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13423930" y="9152018"/>
            <a:ext cx="5413489" cy="57991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65014" y="14210721"/>
            <a:ext cx="11691991" cy="74044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10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 dirty="0"/>
              <a:t>Indsæt via sidefod: Forsker, Syddansk Universitet/ </a:t>
            </a:r>
            <a:r>
              <a:rPr lang="da-DK" dirty="0" err="1"/>
              <a:t>Name</a:t>
            </a:r>
            <a:r>
              <a:rPr lang="da-DK" dirty="0"/>
              <a:t>, University of Southern Denmark</a:t>
            </a:r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033AD66-93AD-4475-98B4-68AA8ED89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5015" y="2192934"/>
            <a:ext cx="25984751" cy="255112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765" userDrawn="1">
          <p15:clr>
            <a:srgbClr val="FBAE40"/>
          </p15:clr>
        </p15:guide>
        <p15:guide id="2" orient="horz" pos="8782" userDrawn="1">
          <p15:clr>
            <a:srgbClr val="FBAE40"/>
          </p15:clr>
        </p15:guide>
        <p15:guide id="3" orient="horz" pos="308" userDrawn="1">
          <p15:clr>
            <a:srgbClr val="FBAE40"/>
          </p15:clr>
        </p15:guide>
        <p15:guide id="4" pos="3955" userDrawn="1">
          <p15:clr>
            <a:srgbClr val="FBAE40"/>
          </p15:clr>
        </p15:guide>
        <p15:guide id="5" pos="4500" userDrawn="1">
          <p15:clr>
            <a:srgbClr val="FBAE40"/>
          </p15:clr>
        </p15:guide>
        <p15:guide id="6" pos="7910" userDrawn="1">
          <p15:clr>
            <a:srgbClr val="FBAE40"/>
          </p15:clr>
        </p15:guide>
        <p15:guide id="7" pos="8456" userDrawn="1">
          <p15:clr>
            <a:srgbClr val="FBAE40"/>
          </p15:clr>
        </p15:guide>
        <p15:guide id="8" pos="11866" userDrawn="1">
          <p15:clr>
            <a:srgbClr val="FBAE40"/>
          </p15:clr>
        </p15:guide>
        <p15:guide id="9" pos="13503" userDrawn="1">
          <p15:clr>
            <a:srgbClr val="FBAE40"/>
          </p15:clr>
        </p15:guide>
        <p15:guide id="10" pos="16913" userDrawn="1">
          <p15:clr>
            <a:srgbClr val="FBAE40"/>
          </p15:clr>
        </p15:guide>
        <p15:guide id="11" orient="horz" pos="9968" userDrawn="1">
          <p15:clr>
            <a:srgbClr val="FBAE40"/>
          </p15:clr>
        </p15:guide>
        <p15:guide id="12" orient="horz" pos="3879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65014" y="5185935"/>
            <a:ext cx="17972405" cy="76115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663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88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033AD66-93AD-4475-98B4-68AA8ED89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5015" y="2192934"/>
            <a:ext cx="25984751" cy="255112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865013" y="6140972"/>
            <a:ext cx="17972405" cy="2551122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51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698"/>
            </a:lvl2pPr>
            <a:lvl3pPr marL="0" indent="0" algn="l">
              <a:buFont typeface="Arial" panose="020B0604020202020204" pitchFamily="34" charset="0"/>
              <a:buChar char="​"/>
              <a:defRPr sz="1698"/>
            </a:lvl3pPr>
            <a:lvl4pPr marL="0" indent="0" algn="l">
              <a:buFont typeface="Arial" panose="020B0604020202020204" pitchFamily="34" charset="0"/>
              <a:buChar char="​"/>
              <a:defRPr sz="1698"/>
            </a:lvl4pPr>
            <a:lvl5pPr marL="0" indent="0" algn="l">
              <a:buFont typeface="Arial" panose="020B0604020202020204" pitchFamily="34" charset="0"/>
              <a:buChar char="​"/>
              <a:defRPr sz="1698"/>
            </a:lvl5pPr>
            <a:lvl6pPr marL="0" indent="0" algn="l">
              <a:buFont typeface="Arial" panose="020B0604020202020204" pitchFamily="34" charset="0"/>
              <a:buChar char="​"/>
              <a:defRPr sz="1698"/>
            </a:lvl6pPr>
            <a:lvl7pPr marL="0" indent="0" algn="l">
              <a:buFont typeface="Arial" panose="020B0604020202020204" pitchFamily="34" charset="0"/>
              <a:buChar char="​"/>
              <a:defRPr sz="1698"/>
            </a:lvl7pPr>
            <a:lvl8pPr marL="0" indent="0" algn="l">
              <a:buFont typeface="Arial" panose="020B0604020202020204" pitchFamily="34" charset="0"/>
              <a:buChar char="​"/>
              <a:defRPr sz="1698"/>
            </a:lvl8pPr>
            <a:lvl9pPr marL="0" indent="0" algn="l">
              <a:buFont typeface="Arial" panose="020B0604020202020204" pitchFamily="34" charset="0"/>
              <a:buChar char="​"/>
              <a:defRPr sz="1698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65013" y="9152018"/>
            <a:ext cx="5413489" cy="4790053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15" name="Picture Placeholder 15">
            <a:extLst>
              <a:ext uri="{FF2B5EF4-FFF2-40B4-BE49-F238E27FC236}">
                <a16:creationId xmlns:a16="http://schemas.microsoft.com/office/drawing/2014/main" id="{0AB54820-8607-4EC2-957A-649F8AC61BC8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7138553" y="9152018"/>
            <a:ext cx="5413489" cy="4790053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65013" y="15824147"/>
            <a:ext cx="5413489" cy="4931164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138553" y="15824147"/>
            <a:ext cx="5413489" cy="4931165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13423929" y="15824147"/>
            <a:ext cx="5413489" cy="4931165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0A5AF9B-E4B5-4865-BB81-855E2FE177E4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21436274" y="6140971"/>
            <a:ext cx="5413491" cy="14614339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13423930" y="9152018"/>
            <a:ext cx="5413489" cy="57991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65015" y="14210721"/>
            <a:ext cx="5413489" cy="74044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10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17" name="Text Placeholder 39">
            <a:extLst>
              <a:ext uri="{FF2B5EF4-FFF2-40B4-BE49-F238E27FC236}">
                <a16:creationId xmlns:a16="http://schemas.microsoft.com/office/drawing/2014/main" id="{1AC86AAA-ADE2-4D7B-AE48-BCADC7E118A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150393" y="14210719"/>
            <a:ext cx="5401651" cy="74044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104"/>
            </a:lvl2pPr>
            <a:lvl3pPr marL="0" indent="0">
              <a:spcAft>
                <a:spcPts val="0"/>
              </a:spcAft>
              <a:buNone/>
              <a:defRPr sz="1018"/>
            </a:lvl3pPr>
            <a:lvl4pPr>
              <a:spcAft>
                <a:spcPts val="0"/>
              </a:spcAft>
              <a:defRPr sz="1018"/>
            </a:lvl4pPr>
            <a:lvl5pPr>
              <a:spcAft>
                <a:spcPts val="0"/>
              </a:spcAft>
              <a:defRPr sz="1018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 dirty="0"/>
              <a:t>Indsæt via sidefod: Forsker, Syddansk Universitet/ </a:t>
            </a:r>
            <a:r>
              <a:rPr lang="da-DK" dirty="0" err="1"/>
              <a:t>Name</a:t>
            </a:r>
            <a:r>
              <a:rPr lang="da-DK" dirty="0"/>
              <a:t>, University of Southern Denmark</a:t>
            </a:r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124945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765" userDrawn="1">
          <p15:clr>
            <a:srgbClr val="FBAE40"/>
          </p15:clr>
        </p15:guide>
        <p15:guide id="2" orient="horz" pos="8782" userDrawn="1">
          <p15:clr>
            <a:srgbClr val="FBAE40"/>
          </p15:clr>
        </p15:guide>
        <p15:guide id="3" orient="horz" pos="308" userDrawn="1">
          <p15:clr>
            <a:srgbClr val="FBAE40"/>
          </p15:clr>
        </p15:guide>
        <p15:guide id="4" pos="3955" userDrawn="1">
          <p15:clr>
            <a:srgbClr val="FBAE40"/>
          </p15:clr>
        </p15:guide>
        <p15:guide id="5" pos="4500" userDrawn="1">
          <p15:clr>
            <a:srgbClr val="FBAE40"/>
          </p15:clr>
        </p15:guide>
        <p15:guide id="6" pos="7910" userDrawn="1">
          <p15:clr>
            <a:srgbClr val="FBAE40"/>
          </p15:clr>
        </p15:guide>
        <p15:guide id="7" pos="8456" userDrawn="1">
          <p15:clr>
            <a:srgbClr val="FBAE40"/>
          </p15:clr>
        </p15:guide>
        <p15:guide id="8" pos="11866" userDrawn="1">
          <p15:clr>
            <a:srgbClr val="FBAE40"/>
          </p15:clr>
        </p15:guide>
        <p15:guide id="9" pos="13503" userDrawn="1">
          <p15:clr>
            <a:srgbClr val="FBAE40"/>
          </p15:clr>
        </p15:guide>
        <p15:guide id="10" pos="16913" userDrawn="1">
          <p15:clr>
            <a:srgbClr val="FBAE40"/>
          </p15:clr>
        </p15:guide>
        <p15:guide id="11" orient="horz" pos="9968" userDrawn="1">
          <p15:clr>
            <a:srgbClr val="FBAE40"/>
          </p15:clr>
        </p15:guide>
        <p15:guide id="12" orient="horz" pos="3879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65014" y="5185935"/>
            <a:ext cx="17972405" cy="76115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663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88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033AD66-93AD-4475-98B4-68AA8ED89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5015" y="2192934"/>
            <a:ext cx="25984751" cy="255112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865013" y="6140972"/>
            <a:ext cx="17972405" cy="2551122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51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698"/>
            </a:lvl2pPr>
            <a:lvl3pPr marL="0" indent="0" algn="l">
              <a:buFont typeface="Arial" panose="020B0604020202020204" pitchFamily="34" charset="0"/>
              <a:buChar char="​"/>
              <a:defRPr sz="1698"/>
            </a:lvl3pPr>
            <a:lvl4pPr marL="0" indent="0" algn="l">
              <a:buFont typeface="Arial" panose="020B0604020202020204" pitchFamily="34" charset="0"/>
              <a:buChar char="​"/>
              <a:defRPr sz="1698"/>
            </a:lvl4pPr>
            <a:lvl5pPr marL="0" indent="0" algn="l">
              <a:buFont typeface="Arial" panose="020B0604020202020204" pitchFamily="34" charset="0"/>
              <a:buChar char="​"/>
              <a:defRPr sz="1698"/>
            </a:lvl5pPr>
            <a:lvl6pPr marL="0" indent="0" algn="l">
              <a:buFont typeface="Arial" panose="020B0604020202020204" pitchFamily="34" charset="0"/>
              <a:buChar char="​"/>
              <a:defRPr sz="1698"/>
            </a:lvl6pPr>
            <a:lvl7pPr marL="0" indent="0" algn="l">
              <a:buFont typeface="Arial" panose="020B0604020202020204" pitchFamily="34" charset="0"/>
              <a:buChar char="​"/>
              <a:defRPr sz="1698"/>
            </a:lvl7pPr>
            <a:lvl8pPr marL="0" indent="0" algn="l">
              <a:buFont typeface="Arial" panose="020B0604020202020204" pitchFamily="34" charset="0"/>
              <a:buChar char="​"/>
              <a:defRPr sz="1698"/>
            </a:lvl8pPr>
            <a:lvl9pPr marL="0" indent="0" algn="l">
              <a:buFont typeface="Arial" panose="020B0604020202020204" pitchFamily="34" charset="0"/>
              <a:buChar char="​"/>
              <a:defRPr sz="1698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65013" y="9152018"/>
            <a:ext cx="11687029" cy="4790053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65013" y="15824147"/>
            <a:ext cx="5413489" cy="4931164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138553" y="15824147"/>
            <a:ext cx="5413489" cy="4931165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13423929" y="15824147"/>
            <a:ext cx="5413489" cy="4931165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0A5AF9B-E4B5-4865-BB81-855E2FE177E4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21436274" y="6140972"/>
            <a:ext cx="5413491" cy="12095836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13423930" y="9152018"/>
            <a:ext cx="5413489" cy="57991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65014" y="14210721"/>
            <a:ext cx="11691991" cy="74044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10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B5AE467E-5026-4F58-BDFA-040CA11A913B}"/>
              </a:ext>
            </a:extLst>
          </p:cNvPr>
          <p:cNvCxnSpPr>
            <a:cxnSpLocks/>
          </p:cNvCxnSpPr>
          <p:nvPr userDrawn="1"/>
        </p:nvCxnSpPr>
        <p:spPr>
          <a:xfrm>
            <a:off x="21460186" y="18812689"/>
            <a:ext cx="841044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 Placeholder 44">
            <a:extLst>
              <a:ext uri="{FF2B5EF4-FFF2-40B4-BE49-F238E27FC236}">
                <a16:creationId xmlns:a16="http://schemas.microsoft.com/office/drawing/2014/main" id="{F0195217-84D6-4ECE-8FFA-7807CDB3A67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1461099" y="18939795"/>
            <a:ext cx="5498503" cy="250897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9" name="Content Placeholder 7">
            <a:extLst>
              <a:ext uri="{FF2B5EF4-FFF2-40B4-BE49-F238E27FC236}">
                <a16:creationId xmlns:a16="http://schemas.microsoft.com/office/drawing/2014/main" id="{77E186E6-8665-48A8-8F4E-681F397AED3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21436275" y="19766574"/>
            <a:ext cx="2171125" cy="820344"/>
          </a:xfrm>
        </p:spPr>
        <p:txBody>
          <a:bodyPr wrap="none" tIns="792000"/>
          <a:lstStyle>
            <a:lvl1pPr>
              <a:defRPr sz="1425"/>
            </a:lvl1pPr>
          </a:lstStyle>
          <a:p>
            <a:pPr lvl="0"/>
            <a:r>
              <a:rPr lang="da-DK" dirty="0"/>
              <a:t>Indsæt logoer: Vælg pladsholderen, indsæt logo via Templafy/Billeder</a:t>
            </a:r>
          </a:p>
          <a:p>
            <a:pPr lvl="0"/>
            <a:endParaRPr lang="da-DK" dirty="0"/>
          </a:p>
        </p:txBody>
      </p:sp>
      <p:sp>
        <p:nvSpPr>
          <p:cNvPr id="31" name="Content Placeholder 7">
            <a:extLst>
              <a:ext uri="{FF2B5EF4-FFF2-40B4-BE49-F238E27FC236}">
                <a16:creationId xmlns:a16="http://schemas.microsoft.com/office/drawing/2014/main" id="{40642B92-CDD2-41DF-A6E2-B5376D00928B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23911013" y="19762802"/>
            <a:ext cx="2171125" cy="820344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33" name="Content Placeholder 7">
            <a:extLst>
              <a:ext uri="{FF2B5EF4-FFF2-40B4-BE49-F238E27FC236}">
                <a16:creationId xmlns:a16="http://schemas.microsoft.com/office/drawing/2014/main" id="{C5361A91-AAC5-4642-9DA6-74C6EA4F84EA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26385751" y="19766574"/>
            <a:ext cx="2171125" cy="820344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 dirty="0"/>
              <a:t>Indsæt via sidefod: Forsker, Syddansk Universitet/ </a:t>
            </a:r>
            <a:r>
              <a:rPr lang="da-DK" dirty="0" err="1"/>
              <a:t>Name</a:t>
            </a:r>
            <a:r>
              <a:rPr lang="da-DK" dirty="0"/>
              <a:t>, University of Southern Denmark</a:t>
            </a:r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73827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765" userDrawn="1">
          <p15:clr>
            <a:srgbClr val="FBAE40"/>
          </p15:clr>
        </p15:guide>
        <p15:guide id="2" orient="horz" pos="8782" userDrawn="1">
          <p15:clr>
            <a:srgbClr val="FBAE40"/>
          </p15:clr>
        </p15:guide>
        <p15:guide id="3" orient="horz" pos="308" userDrawn="1">
          <p15:clr>
            <a:srgbClr val="FBAE40"/>
          </p15:clr>
        </p15:guide>
        <p15:guide id="4" pos="3955" userDrawn="1">
          <p15:clr>
            <a:srgbClr val="FBAE40"/>
          </p15:clr>
        </p15:guide>
        <p15:guide id="5" pos="4500" userDrawn="1">
          <p15:clr>
            <a:srgbClr val="FBAE40"/>
          </p15:clr>
        </p15:guide>
        <p15:guide id="6" pos="7910" userDrawn="1">
          <p15:clr>
            <a:srgbClr val="FBAE40"/>
          </p15:clr>
        </p15:guide>
        <p15:guide id="7" pos="8456" userDrawn="1">
          <p15:clr>
            <a:srgbClr val="FBAE40"/>
          </p15:clr>
        </p15:guide>
        <p15:guide id="8" pos="11866" userDrawn="1">
          <p15:clr>
            <a:srgbClr val="FBAE40"/>
          </p15:clr>
        </p15:guide>
        <p15:guide id="9" pos="13503" userDrawn="1">
          <p15:clr>
            <a:srgbClr val="FBAE40"/>
          </p15:clr>
        </p15:guide>
        <p15:guide id="10" pos="16913" userDrawn="1">
          <p15:clr>
            <a:srgbClr val="FBAE40"/>
          </p15:clr>
        </p15:guide>
        <p15:guide id="11" orient="horz" pos="9968" userDrawn="1">
          <p15:clr>
            <a:srgbClr val="FBAE40"/>
          </p15:clr>
        </p15:guide>
        <p15:guide id="12" orient="horz" pos="3879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65014" y="5185935"/>
            <a:ext cx="17972405" cy="76115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663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88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188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033AD66-93AD-4475-98B4-68AA8ED89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5015" y="2192934"/>
            <a:ext cx="25984751" cy="255112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865013" y="6140972"/>
            <a:ext cx="17972405" cy="2551122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51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698"/>
            </a:lvl2pPr>
            <a:lvl3pPr marL="0" indent="0" algn="l">
              <a:buFont typeface="Arial" panose="020B0604020202020204" pitchFamily="34" charset="0"/>
              <a:buChar char="​"/>
              <a:defRPr sz="1698"/>
            </a:lvl3pPr>
            <a:lvl4pPr marL="0" indent="0" algn="l">
              <a:buFont typeface="Arial" panose="020B0604020202020204" pitchFamily="34" charset="0"/>
              <a:buChar char="​"/>
              <a:defRPr sz="1698"/>
            </a:lvl4pPr>
            <a:lvl5pPr marL="0" indent="0" algn="l">
              <a:buFont typeface="Arial" panose="020B0604020202020204" pitchFamily="34" charset="0"/>
              <a:buChar char="​"/>
              <a:defRPr sz="1698"/>
            </a:lvl5pPr>
            <a:lvl6pPr marL="0" indent="0" algn="l">
              <a:buFont typeface="Arial" panose="020B0604020202020204" pitchFamily="34" charset="0"/>
              <a:buChar char="​"/>
              <a:defRPr sz="1698"/>
            </a:lvl6pPr>
            <a:lvl7pPr marL="0" indent="0" algn="l">
              <a:buFont typeface="Arial" panose="020B0604020202020204" pitchFamily="34" charset="0"/>
              <a:buChar char="​"/>
              <a:defRPr sz="1698"/>
            </a:lvl7pPr>
            <a:lvl8pPr marL="0" indent="0" algn="l">
              <a:buFont typeface="Arial" panose="020B0604020202020204" pitchFamily="34" charset="0"/>
              <a:buChar char="​"/>
              <a:defRPr sz="1698"/>
            </a:lvl8pPr>
            <a:lvl9pPr marL="0" indent="0" algn="l">
              <a:buFont typeface="Arial" panose="020B0604020202020204" pitchFamily="34" charset="0"/>
              <a:buChar char="​"/>
              <a:defRPr sz="1698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65013" y="9152018"/>
            <a:ext cx="5413489" cy="4790053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15" name="Picture Placeholder 15">
            <a:extLst>
              <a:ext uri="{FF2B5EF4-FFF2-40B4-BE49-F238E27FC236}">
                <a16:creationId xmlns:a16="http://schemas.microsoft.com/office/drawing/2014/main" id="{0AB54820-8607-4EC2-957A-649F8AC61BC8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7138553" y="9152018"/>
            <a:ext cx="5413489" cy="4790053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65013" y="15824147"/>
            <a:ext cx="5413489" cy="4931164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138553" y="15824147"/>
            <a:ext cx="5413489" cy="4931165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13423929" y="15824147"/>
            <a:ext cx="5413489" cy="4931165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0A5AF9B-E4B5-4865-BB81-855E2FE177E4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21436274" y="6140972"/>
            <a:ext cx="5413491" cy="12095836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13423930" y="9152018"/>
            <a:ext cx="5413489" cy="57991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65015" y="14210721"/>
            <a:ext cx="5413489" cy="74044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10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17" name="Text Placeholder 39">
            <a:extLst>
              <a:ext uri="{FF2B5EF4-FFF2-40B4-BE49-F238E27FC236}">
                <a16:creationId xmlns:a16="http://schemas.microsoft.com/office/drawing/2014/main" id="{1AC86AAA-ADE2-4D7B-AE48-BCADC7E118A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150393" y="14210719"/>
            <a:ext cx="5401651" cy="74044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104"/>
            </a:lvl2pPr>
            <a:lvl3pPr marL="0" indent="0">
              <a:spcAft>
                <a:spcPts val="0"/>
              </a:spcAft>
              <a:buNone/>
              <a:defRPr sz="1018"/>
            </a:lvl3pPr>
            <a:lvl4pPr>
              <a:spcAft>
                <a:spcPts val="0"/>
              </a:spcAft>
              <a:defRPr sz="1018"/>
            </a:lvl4pPr>
            <a:lvl5pPr>
              <a:spcAft>
                <a:spcPts val="0"/>
              </a:spcAft>
              <a:defRPr sz="1018"/>
            </a:lvl5pPr>
          </a:lstStyle>
          <a:p>
            <a:pPr lvl="0"/>
            <a:r>
              <a:rPr lang="da-DK" dirty="0"/>
              <a:t>Billedtekst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F6B8024-12E8-42BC-B016-341F5CB0A8F9}"/>
              </a:ext>
            </a:extLst>
          </p:cNvPr>
          <p:cNvCxnSpPr>
            <a:cxnSpLocks/>
          </p:cNvCxnSpPr>
          <p:nvPr userDrawn="1"/>
        </p:nvCxnSpPr>
        <p:spPr>
          <a:xfrm>
            <a:off x="21460186" y="18812689"/>
            <a:ext cx="841044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 Placeholder 44">
            <a:extLst>
              <a:ext uri="{FF2B5EF4-FFF2-40B4-BE49-F238E27FC236}">
                <a16:creationId xmlns:a16="http://schemas.microsoft.com/office/drawing/2014/main" id="{95688B15-AAE9-4C59-9411-352D2F1CC33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1461099" y="18939795"/>
            <a:ext cx="5498503" cy="250897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3" name="Content Placeholder 7">
            <a:extLst>
              <a:ext uri="{FF2B5EF4-FFF2-40B4-BE49-F238E27FC236}">
                <a16:creationId xmlns:a16="http://schemas.microsoft.com/office/drawing/2014/main" id="{557F7A90-11D0-4098-9A84-7AF6450465B5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21436275" y="19766574"/>
            <a:ext cx="2171125" cy="820344"/>
          </a:xfrm>
        </p:spPr>
        <p:txBody>
          <a:bodyPr wrap="none" tIns="792000"/>
          <a:lstStyle>
            <a:lvl1pPr>
              <a:defRPr sz="1425"/>
            </a:lvl1pPr>
          </a:lstStyle>
          <a:p>
            <a:pPr lvl="0"/>
            <a:r>
              <a:rPr lang="da-DK" dirty="0"/>
              <a:t>Indsæt logoer: Vælg pladsholderen, indsæt logo via Templafy/Billeder</a:t>
            </a:r>
          </a:p>
          <a:p>
            <a:pPr lvl="0"/>
            <a:endParaRPr lang="da-DK" dirty="0"/>
          </a:p>
        </p:txBody>
      </p:sp>
      <p:sp>
        <p:nvSpPr>
          <p:cNvPr id="25" name="Content Placeholder 7">
            <a:extLst>
              <a:ext uri="{FF2B5EF4-FFF2-40B4-BE49-F238E27FC236}">
                <a16:creationId xmlns:a16="http://schemas.microsoft.com/office/drawing/2014/main" id="{B4E989CB-0312-4451-AC44-A735AC935FA7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23911013" y="19762802"/>
            <a:ext cx="2171125" cy="820344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id="{3C1B48AC-3B15-4D3A-9EFB-196765FA166E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26385751" y="19766574"/>
            <a:ext cx="2171125" cy="820344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 dirty="0"/>
              <a:t>Indsæt via sidefod: Forsker, Syddansk Universitet/ </a:t>
            </a:r>
            <a:r>
              <a:rPr lang="da-DK" dirty="0" err="1"/>
              <a:t>Name</a:t>
            </a:r>
            <a:r>
              <a:rPr lang="da-DK" dirty="0"/>
              <a:t>, University of Southern Denmark</a:t>
            </a:r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312457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765" userDrawn="1">
          <p15:clr>
            <a:srgbClr val="FBAE40"/>
          </p15:clr>
        </p15:guide>
        <p15:guide id="2" orient="horz" pos="8782" userDrawn="1">
          <p15:clr>
            <a:srgbClr val="FBAE40"/>
          </p15:clr>
        </p15:guide>
        <p15:guide id="3" orient="horz" pos="308" userDrawn="1">
          <p15:clr>
            <a:srgbClr val="FBAE40"/>
          </p15:clr>
        </p15:guide>
        <p15:guide id="4" pos="3955" userDrawn="1">
          <p15:clr>
            <a:srgbClr val="FBAE40"/>
          </p15:clr>
        </p15:guide>
        <p15:guide id="5" pos="4500" userDrawn="1">
          <p15:clr>
            <a:srgbClr val="FBAE40"/>
          </p15:clr>
        </p15:guide>
        <p15:guide id="6" pos="7910" userDrawn="1">
          <p15:clr>
            <a:srgbClr val="FBAE40"/>
          </p15:clr>
        </p15:guide>
        <p15:guide id="7" pos="8456" userDrawn="1">
          <p15:clr>
            <a:srgbClr val="FBAE40"/>
          </p15:clr>
        </p15:guide>
        <p15:guide id="8" pos="11866" userDrawn="1">
          <p15:clr>
            <a:srgbClr val="FBAE40"/>
          </p15:clr>
        </p15:guide>
        <p15:guide id="9" pos="13503" userDrawn="1">
          <p15:clr>
            <a:srgbClr val="FBAE40"/>
          </p15:clr>
        </p15:guide>
        <p15:guide id="10" pos="16913" userDrawn="1">
          <p15:clr>
            <a:srgbClr val="FBAE40"/>
          </p15:clr>
        </p15:guide>
        <p15:guide id="11" orient="horz" pos="9968" userDrawn="1">
          <p15:clr>
            <a:srgbClr val="FBAE40"/>
          </p15:clr>
        </p15:guide>
        <p15:guide id="12" orient="horz" pos="3879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B47A066-FA25-4B1A-B445-116BC8AA58F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AD96299-3FF8-472D-A68A-1C25A847CC7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Indsæt via sidefod: Forsker, Syddansk Universitet/ </a:t>
            </a:r>
            <a:r>
              <a:rPr lang="da-DK" dirty="0" err="1"/>
              <a:t>Name</a:t>
            </a:r>
            <a:r>
              <a:rPr lang="da-DK" dirty="0"/>
              <a:t>, University of Southern Denmark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CE8058-7AD3-4A90-B7F7-480B49D6F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Text Box 2">
            <a:extLst>
              <a:ext uri="{FF2B5EF4-FFF2-40B4-BE49-F238E27FC236}">
                <a16:creationId xmlns:a16="http://schemas.microsoft.com/office/drawing/2014/main" id="{756D2993-41B2-4A2C-84E0-4F4D49D425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4817731" y="4805140"/>
            <a:ext cx="5288965" cy="1341174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425"/>
              </a:spcBef>
              <a:spcAft>
                <a:spcPts val="713"/>
              </a:spcAft>
              <a:defRPr/>
            </a:pPr>
            <a:r>
              <a:rPr lang="da-DK" sz="2376" b="1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Insert</a:t>
            </a: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a New Slide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endParaRPr lang="da-DK" altLang="da-DK" sz="2376" b="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ew Slide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</a:t>
            </a:r>
            <a:b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new slide</a:t>
            </a:r>
          </a:p>
          <a:p>
            <a:pPr eaLnBrk="1" hangingPunct="1">
              <a:spcAft>
                <a:spcPts val="713"/>
              </a:spcAft>
              <a:defRPr/>
            </a:pPr>
            <a:b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hange Slide Layout</a:t>
            </a:r>
            <a:endParaRPr lang="da-DK" altLang="da-DK" sz="2376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1.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lick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n the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arrow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next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b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to </a:t>
            </a: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Layout 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to view a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dropdown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b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menu of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ossibl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slide layouts</a:t>
            </a:r>
            <a:endParaRPr lang="da-DK" sz="2376" dirty="0">
              <a:latin typeface="Times New Roman" panose="02020603050405020304" pitchFamily="18" charset="0"/>
              <a:ea typeface="Times New Roman" panose="02020603050405020304" pitchFamily="18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2.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lick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n the layout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you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refer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and it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will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b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applied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to the new slide</a:t>
            </a:r>
          </a:p>
          <a:p>
            <a:pPr marL="0" indent="0">
              <a:spcAft>
                <a:spcPts val="713"/>
              </a:spcAft>
              <a:buFont typeface="+mj-lt"/>
              <a:buNone/>
            </a:pPr>
            <a:endParaRPr lang="da-DK" sz="2376" dirty="0">
              <a:solidFill>
                <a:srgbClr val="000000"/>
              </a:solidFill>
              <a:latin typeface="Arial" panose="020B0604020202020204" pitchFamily="34" charset="0"/>
              <a:ea typeface="Times New Roman" panose="02020603050405020304" pitchFamily="18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hange Background </a:t>
            </a:r>
            <a:r>
              <a:rPr lang="da-DK" sz="2376" b="1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olor</a:t>
            </a:r>
            <a:endParaRPr lang="da-DK" sz="2376" b="1" dirty="0">
              <a:solidFill>
                <a:srgbClr val="000000"/>
              </a:solidFill>
              <a:latin typeface="Arial" panose="020B0604020202020204" pitchFamily="34" charset="0"/>
              <a:ea typeface="Times New Roman" panose="02020603050405020304" pitchFamily="18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Rightclick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n the slide and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hoos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b="1" i="0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format </a:t>
            </a:r>
            <a:r>
              <a:rPr lang="da-DK" sz="2376" b="1" i="0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background</a:t>
            </a:r>
            <a:r>
              <a:rPr lang="da-DK" sz="2376" b="1" i="0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then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hoos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a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olor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from the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reformatted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alett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f SDU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olors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.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da-DK" sz="2376" dirty="0">
              <a:solidFill>
                <a:srgbClr val="000000"/>
              </a:solidFill>
              <a:latin typeface="Arial" panose="020B0604020202020204" pitchFamily="34" charset="0"/>
              <a:ea typeface="Times New Roman" panose="02020603050405020304" pitchFamily="18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slides with picture placeholder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icon and choos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Aft>
                <a:spcPts val="713"/>
              </a:spcAft>
              <a:defRPr/>
            </a:pPr>
            <a:endParaRPr lang="da-DK" alt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change size o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want to scale the picture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 down while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ragging the corners of th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delete the picture and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a new one, the picture may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e in front of the text or graphic.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this happens, select the picture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ight-click and choos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nd to Back</a:t>
            </a:r>
          </a:p>
        </p:txBody>
      </p:sp>
      <p:pic>
        <p:nvPicPr>
          <p:cNvPr id="19" name="2 New picture">
            <a:extLst>
              <a:ext uri="{FF2B5EF4-FFF2-40B4-BE49-F238E27FC236}">
                <a16:creationId xmlns:a16="http://schemas.microsoft.com/office/drawing/2014/main" id="{C95B497D-2B7F-4202-BBA9-6B59CF4E088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9873431" y="5340670"/>
            <a:ext cx="728709" cy="1281370"/>
          </a:xfrm>
          <a:prstGeom prst="rect">
            <a:avLst/>
          </a:prstGeom>
        </p:spPr>
      </p:pic>
      <p:pic>
        <p:nvPicPr>
          <p:cNvPr id="21" name="3 Layout">
            <a:extLst>
              <a:ext uri="{FF2B5EF4-FFF2-40B4-BE49-F238E27FC236}">
                <a16:creationId xmlns:a16="http://schemas.microsoft.com/office/drawing/2014/main" id="{CF6A2A7F-390F-4BE5-81B1-FC03E7D60D4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19296080" y="7805036"/>
            <a:ext cx="1306060" cy="417830"/>
          </a:xfrm>
          <a:prstGeom prst="rect">
            <a:avLst/>
          </a:prstGeom>
        </p:spPr>
      </p:pic>
      <p:pic>
        <p:nvPicPr>
          <p:cNvPr id="23" name="4 Reset">
            <a:extLst>
              <a:ext uri="{FF2B5EF4-FFF2-40B4-BE49-F238E27FC236}">
                <a16:creationId xmlns:a16="http://schemas.microsoft.com/office/drawing/2014/main" id="{CF4B73A1-778C-411A-A616-4D03787E6BA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330715" y="5221628"/>
            <a:ext cx="1167130" cy="469105"/>
          </a:xfrm>
          <a:prstGeom prst="rect">
            <a:avLst/>
          </a:prstGeom>
        </p:spPr>
      </p:pic>
      <p:pic>
        <p:nvPicPr>
          <p:cNvPr id="25" name="5 Insert picture">
            <a:extLst>
              <a:ext uri="{FF2B5EF4-FFF2-40B4-BE49-F238E27FC236}">
                <a16:creationId xmlns:a16="http://schemas.microsoft.com/office/drawing/2014/main" id="{4B508A67-588C-4258-9B38-ECE59A46E5E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0168992" y="12589274"/>
            <a:ext cx="433148" cy="417829"/>
          </a:xfrm>
          <a:prstGeom prst="rect">
            <a:avLst/>
          </a:prstGeom>
        </p:spPr>
      </p:pic>
      <p:pic>
        <p:nvPicPr>
          <p:cNvPr id="28" name="6 Crop">
            <a:extLst>
              <a:ext uri="{FF2B5EF4-FFF2-40B4-BE49-F238E27FC236}">
                <a16:creationId xmlns:a16="http://schemas.microsoft.com/office/drawing/2014/main" id="{32454AB8-8DA4-4EDD-9732-E4565887E484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0035611" y="14190100"/>
            <a:ext cx="566529" cy="533482"/>
          </a:xfrm>
          <a:prstGeom prst="rect">
            <a:avLst/>
          </a:prstGeom>
        </p:spPr>
      </p:pic>
      <p:pic>
        <p:nvPicPr>
          <p:cNvPr id="29" name="7 Scale picture">
            <a:extLst>
              <a:ext uri="{FF2B5EF4-FFF2-40B4-BE49-F238E27FC236}">
                <a16:creationId xmlns:a16="http://schemas.microsoft.com/office/drawing/2014/main" id="{E87D1B33-DA2C-4310-829D-3C61D5FE8585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9998175" y="15131092"/>
            <a:ext cx="603965" cy="556038"/>
          </a:xfrm>
          <a:prstGeom prst="rect">
            <a:avLst/>
          </a:prstGeom>
        </p:spPr>
      </p:pic>
      <p:sp>
        <p:nvSpPr>
          <p:cNvPr id="31" name="Text Box 2">
            <a:extLst>
              <a:ext uri="{FF2B5EF4-FFF2-40B4-BE49-F238E27FC236}">
                <a16:creationId xmlns:a16="http://schemas.microsoft.com/office/drawing/2014/main" id="{FAA83A49-45D9-48DB-9EB3-8181E421A95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65015" y="4817389"/>
            <a:ext cx="5526151" cy="3656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xt levels = text </a:t>
            </a: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8" name="Text Box 2">
            <a:extLst>
              <a:ext uri="{FF2B5EF4-FFF2-40B4-BE49-F238E27FC236}">
                <a16:creationId xmlns:a16="http://schemas.microsoft.com/office/drawing/2014/main" id="{209D6A98-2FC8-49A1-99A0-C37522012EC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836714" y="4805139"/>
            <a:ext cx="5288965" cy="28285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ext</a:t>
            </a: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styles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jump through </a:t>
            </a:r>
            <a:b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vels. Click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then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go back in levels us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-TAB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ely, </a:t>
            </a: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crease</a:t>
            </a:r>
            <a: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</a:t>
            </a:r>
            <a:b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crease </a:t>
            </a:r>
            <a: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st level can be used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39" name="1 Increase decrease">
            <a:extLst>
              <a:ext uri="{FF2B5EF4-FFF2-40B4-BE49-F238E27FC236}">
                <a16:creationId xmlns:a16="http://schemas.microsoft.com/office/drawing/2014/main" id="{5DDCF964-571A-4C29-B355-7604862FC44C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2309284" y="6838585"/>
            <a:ext cx="1092146" cy="560045"/>
          </a:xfrm>
          <a:prstGeom prst="rect">
            <a:avLst/>
          </a:prstGeom>
        </p:spPr>
      </p:pic>
      <p:sp>
        <p:nvSpPr>
          <p:cNvPr id="40" name="Text Box 2">
            <a:extLst>
              <a:ext uri="{FF2B5EF4-FFF2-40B4-BE49-F238E27FC236}">
                <a16:creationId xmlns:a16="http://schemas.microsoft.com/office/drawing/2014/main" id="{9462BA0B-EA8C-4469-B502-F7131A450DD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2248230" y="4817388"/>
            <a:ext cx="5288965" cy="99416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fontAlgn="auto">
              <a:spcBef>
                <a:spcPts val="1425"/>
              </a:spcBef>
              <a:spcAft>
                <a:spcPts val="713"/>
              </a:spcAft>
              <a:buFont typeface="+mj-lt"/>
              <a:buNone/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108621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endParaRPr lang="da-DK" altLang="da-DK" sz="2376" b="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indent="0" algn="l" defTabSz="108621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enu to </a:t>
            </a:r>
            <a:b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position, size</a:t>
            </a: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atting of the slide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holders to their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fault settings</a:t>
            </a:r>
          </a:p>
          <a:p>
            <a:pPr marL="0" marR="0" indent="0" algn="l" defTabSz="108621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endParaRPr lang="da-DK" altLang="da-DK" sz="2376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footer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o this at the very end, so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you get all the corrections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write the desired text)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 to All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713"/>
              </a:spcAft>
              <a:defRPr/>
            </a:pPr>
            <a:endParaRPr lang="da-DK" altLang="da-DK" sz="2376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view drawing gu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, set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ck mark next to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  <a:endParaRPr lang="da-DK" altLang="da-DK" sz="2376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Alt + F9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quick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ing of guides</a:t>
            </a:r>
          </a:p>
        </p:txBody>
      </p:sp>
      <p:sp>
        <p:nvSpPr>
          <p:cNvPr id="41" name="Header">
            <a:extLst>
              <a:ext uri="{FF2B5EF4-FFF2-40B4-BE49-F238E27FC236}">
                <a16:creationId xmlns:a16="http://schemas.microsoft.com/office/drawing/2014/main" id="{BA46AF89-E9F7-4171-87E3-9F0E1DEB18C9}"/>
              </a:ext>
            </a:extLst>
          </p:cNvPr>
          <p:cNvSpPr txBox="1"/>
          <p:nvPr userDrawn="1"/>
        </p:nvSpPr>
        <p:spPr>
          <a:xfrm>
            <a:off x="842097" y="3127572"/>
            <a:ext cx="13362823" cy="77236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User guide –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delete</a:t>
            </a:r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before</a:t>
            </a:r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use</a:t>
            </a:r>
            <a:endParaRPr lang="da-DK" sz="3326" dirty="0"/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D0D6204C-A43C-4C06-9A2D-3777ACB47E79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6" y="5641624"/>
            <a:ext cx="6724539" cy="6228362"/>
          </a:xfrm>
          <a:prstGeom prst="rect">
            <a:avLst/>
          </a:prstGeom>
        </p:spPr>
      </p:pic>
      <p:pic>
        <p:nvPicPr>
          <p:cNvPr id="22" name="5 Insert picture">
            <a:extLst>
              <a:ext uri="{FF2B5EF4-FFF2-40B4-BE49-F238E27FC236}">
                <a16:creationId xmlns:a16="http://schemas.microsoft.com/office/drawing/2014/main" id="{2C259B18-5CF0-704D-8E46-FF94E94DB064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9862148" y="10202505"/>
            <a:ext cx="739992" cy="533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41196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tags" Target="../tags/tag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theme" Target="../theme/theme1.xml"/><Relationship Id="rId11" Type="http://schemas.openxmlformats.org/officeDocument/2006/relationships/image" Target="../media/image1.bin"/><Relationship Id="rId5" Type="http://schemas.openxmlformats.org/officeDocument/2006/relationships/slideLayout" Target="../slideLayouts/slideLayout5.xml"/><Relationship Id="rId10" Type="http://schemas.openxmlformats.org/officeDocument/2006/relationships/tags" Target="../tags/tag4.xml"/><Relationship Id="rId4" Type="http://schemas.openxmlformats.org/officeDocument/2006/relationships/slideLayout" Target="../slideLayouts/slideLayout4.xml"/><Relationship Id="rId9" Type="http://schemas.openxmlformats.org/officeDocument/2006/relationships/tags" Target="../tags/tag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5014" y="2192934"/>
            <a:ext cx="26658537" cy="255112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65013" y="5174765"/>
            <a:ext cx="26658537" cy="1558054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, Header 20</a:t>
            </a:r>
          </a:p>
          <a:p>
            <a:pPr lvl="1"/>
            <a:r>
              <a:rPr lang="en-GB" noProof="0" dirty="0"/>
              <a:t>Level 2, Body 20</a:t>
            </a:r>
          </a:p>
          <a:p>
            <a:pPr lvl="2"/>
            <a:r>
              <a:rPr lang="en-GB" noProof="0" dirty="0"/>
              <a:t>Level 3, Body 20</a:t>
            </a:r>
          </a:p>
          <a:p>
            <a:pPr lvl="3"/>
            <a:r>
              <a:rPr lang="en-GB" noProof="0" dirty="0"/>
              <a:t>Level 4, Body 18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, Small Header 12 </a:t>
            </a:r>
          </a:p>
          <a:p>
            <a:pPr lvl="6"/>
            <a:r>
              <a:rPr lang="en-GB" noProof="0" dirty="0"/>
              <a:t>Level 7, Small Body 12</a:t>
            </a:r>
          </a:p>
          <a:p>
            <a:pPr lvl="7"/>
            <a:r>
              <a:rPr lang="en-GB" noProof="0" dirty="0"/>
              <a:t>Level 8, Small Body 12</a:t>
            </a:r>
          </a:p>
          <a:p>
            <a:pPr lvl="8"/>
            <a:r>
              <a:rPr lang="en-GB" noProof="0" dirty="0"/>
              <a:t>Infographic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1F0F379-B57E-4EE5-8B07-01F2955DB3D2}"/>
              </a:ext>
            </a:extLst>
          </p:cNvPr>
          <p:cNvCxnSpPr>
            <a:cxnSpLocks/>
          </p:cNvCxnSpPr>
          <p:nvPr userDrawn="1"/>
        </p:nvCxnSpPr>
        <p:spPr>
          <a:xfrm>
            <a:off x="865013" y="1195164"/>
            <a:ext cx="1177417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sdu.dk">
            <a:extLst>
              <a:ext uri="{FF2B5EF4-FFF2-40B4-BE49-F238E27FC236}">
                <a16:creationId xmlns:a16="http://schemas.microsoft.com/office/drawing/2014/main" id="{37F120CD-D3B0-40D3-8314-9FFCB42C56A2}"/>
              </a:ext>
            </a:extLst>
          </p:cNvPr>
          <p:cNvSpPr/>
          <p:nvPr userDrawn="1"/>
        </p:nvSpPr>
        <p:spPr>
          <a:xfrm rot="5400000">
            <a:off x="29157554" y="10780316"/>
            <a:ext cx="753903" cy="6340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663" b="0" noProof="1">
                <a:solidFill>
                  <a:schemeClr val="tx1"/>
                </a:solidFill>
              </a:rPr>
              <a:t>sdu.dk</a:t>
            </a:r>
          </a:p>
        </p:txBody>
      </p: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51999794-01F0-4825-8DD8-13A8ED9821BE}"/>
              </a:ext>
            </a:extLst>
          </p:cNvPr>
          <p:cNvSpPr/>
          <p:nvPr userDrawn="1"/>
        </p:nvSpPr>
        <p:spPr>
          <a:xfrm rot="5400000">
            <a:off x="27993350" y="19355181"/>
            <a:ext cx="2202405" cy="6340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88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4BFE5BC-BC5C-4ADD-B236-9C4A05A34460}"/>
              </a:ext>
            </a:extLst>
          </p:cNvPr>
          <p:cNvSpPr/>
          <p:nvPr userDrawn="1"/>
        </p:nvSpPr>
        <p:spPr>
          <a:xfrm rot="5400000">
            <a:off x="28278867" y="17267138"/>
            <a:ext cx="1631372" cy="6340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1188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2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58.19016&lt;/Left&gt;&#10;      &lt;Top&gt;470.5001&lt;/Top&gt;&#10;      &lt;Width&gt;360&lt;/Width&gt;&#10;      &lt;Height&gt;693.020935&lt;/Height&gt;&#10;    &lt;/SubGrid&gt;&#10;    &lt;SubGrid&gt;&#10;      &lt;Left&gt;492.595123&lt;/Left&gt;&#10;      &lt;Top&gt;470.5001&lt;/Top&gt;&#10;      &lt;Width&gt;360&lt;/Width&gt;&#10;      &lt;Height&gt;693.020935&lt;/Height&gt;&#10;    &lt;/SubGrid&gt;&#10;    &lt;SubGrid&gt;&#10;      &lt;Left&gt;927&lt;/Left&gt;&#10;      &lt;Top&gt;470.5001&lt;/Top&gt;&#10;      &lt;Width&gt;360&lt;/Width&gt;&#10;      &lt;Height&gt;693.020935&lt;/Height&gt;&#10;    &lt;/SubGrid&gt;&#10;    &lt;SubGrid&gt;&#10;      &lt;Left&gt;58.19016&lt;/Left&gt;&#10;      &lt;Top&gt;1232.926&lt;/Top&gt;&#10;      &lt;Width&gt;360&lt;/Width&gt;&#10;      &lt;Height&gt;693.020935&lt;/Height&gt;&#10;    &lt;/SubGrid&gt;&#10;    &lt;SubGrid&gt;&#10;      &lt;Left&gt;492.595123&lt;/Left&gt;&#10;      &lt;Top&gt;1232.926&lt;/Top&gt;&#10;      &lt;Width&gt;360&lt;/Width&gt;&#10;      &lt;Height&gt;693.020935&lt;/Height&gt;&#10;    &lt;/SubGrid&gt;&#10;    &lt;SubGrid&gt;&#10;      &lt;Left&gt;926.9998&lt;/Left&gt;&#10;      &lt;Top&gt;1232.926&lt;/Top&gt;&#10;      &lt;Width&gt;360&lt;/Width&gt;&#10;      &lt;Height&gt;693.020935&lt;/Height&gt;&#10;    &lt;/SubGrid&gt;&#10;  &lt;/SubGrids&gt;&#10;  &lt;WorkArea&gt;&#10;    &lt;Top&gt;470.5001&lt;/Top&gt;&#10;    &lt;Left&gt;58.19016&lt;/Left&gt;&#10;    &lt;Width&gt;1228.80981&lt;/Width&gt;&#10;    &lt;Height&gt;1455.4469&lt;/Height&gt;&#10;  &lt;/WorkArea&gt;&#10;  &lt;AspectW&gt;-1&lt;/AspectW&gt;&#10;  &lt;AspectH&gt;-1&lt;/AspectH&gt;&#10;  &lt;Width&gt;1417.375&lt;/Width&gt;&#10;  &lt;Height&gt;1984.25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06B21253-F9D4-4216-867C-90365FE7332C}"/>
              </a:ext>
            </a:extLst>
          </p:cNvPr>
          <p:cNvSpPr/>
          <p:nvPr userDrawn="1"/>
        </p:nvSpPr>
        <p:spPr>
          <a:xfrm>
            <a:off x="1244445" y="5070428"/>
            <a:ext cx="26279104" cy="15684884"/>
          </a:xfrm>
          <a:prstGeom prst="rect">
            <a:avLst/>
          </a:prstGeom>
          <a:noFill/>
          <a:ln w="31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61097" tIns="30548" rIns="61097" bIns="30548" rtlCol="0" anchor="ctr"/>
          <a:lstStyle/>
          <a:p>
            <a:pPr algn="ctr"/>
            <a:endParaRPr lang="da-DK" sz="1698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A1FF3923-7925-4F96-861A-B0B8B6DABDD9}"/>
              </a:ext>
            </a:extLst>
          </p:cNvPr>
          <p:cNvSpPr/>
          <p:nvPr userDrawn="1">
            <p:custDataLst>
              <p:tags r:id="rId7"/>
            </p:custDataLst>
          </p:nvPr>
        </p:nvSpPr>
        <p:spPr>
          <a:xfrm>
            <a:off x="1244444" y="5070428"/>
            <a:ext cx="7698895" cy="7468464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61097" tIns="30548" rIns="61097" bIns="30548" rtlCol="0" anchor="ctr"/>
          <a:lstStyle/>
          <a:p>
            <a:pPr algn="ctr"/>
            <a:endParaRPr lang="da-DK" sz="1698" noProof="0" dirty="0" err="1"/>
          </a:p>
        </p:txBody>
      </p:sp>
      <p:sp>
        <p:nvSpPr>
          <p:cNvPr id="8" name="Rectangle 7" hidden="1">
            <a:extLst>
              <a:ext uri="{FF2B5EF4-FFF2-40B4-BE49-F238E27FC236}">
                <a16:creationId xmlns:a16="http://schemas.microsoft.com/office/drawing/2014/main" id="{CE50407C-BA8A-4C1E-AA93-6BBAFD1F0D44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10534550" y="5070428"/>
            <a:ext cx="7696861" cy="7468464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61097" tIns="30548" rIns="61097" bIns="30548" rtlCol="0" anchor="ctr"/>
          <a:lstStyle/>
          <a:p>
            <a:pPr algn="ctr"/>
            <a:endParaRPr lang="da-DK" sz="1698" noProof="0" dirty="0" err="1"/>
          </a:p>
        </p:txBody>
      </p:sp>
      <p:sp>
        <p:nvSpPr>
          <p:cNvPr id="9" name="Rectangle 8" hidden="1">
            <a:extLst>
              <a:ext uri="{FF2B5EF4-FFF2-40B4-BE49-F238E27FC236}">
                <a16:creationId xmlns:a16="http://schemas.microsoft.com/office/drawing/2014/main" id="{304A5401-1A4C-4570-A7CF-9B53907A2974}"/>
              </a:ext>
            </a:extLst>
          </p:cNvPr>
          <p:cNvSpPr/>
          <p:nvPr userDrawn="1">
            <p:custDataLst>
              <p:tags r:id="rId9"/>
            </p:custDataLst>
          </p:nvPr>
        </p:nvSpPr>
        <p:spPr>
          <a:xfrm>
            <a:off x="19824654" y="5070428"/>
            <a:ext cx="7698895" cy="7468464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61097" tIns="30548" rIns="61097" bIns="30548" rtlCol="0" anchor="ctr"/>
          <a:lstStyle/>
          <a:p>
            <a:pPr algn="ctr"/>
            <a:endParaRPr lang="da-DK" sz="1698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00040083-ECBD-4B74-ADC6-935BE40142B7}"/>
              </a:ext>
            </a:extLst>
          </p:cNvPr>
          <p:cNvSpPr/>
          <p:nvPr userDrawn="1">
            <p:custDataLst>
              <p:tags r:id="rId10"/>
            </p:custDataLst>
          </p:nvPr>
        </p:nvSpPr>
        <p:spPr>
          <a:xfrm>
            <a:off x="1244444" y="13286849"/>
            <a:ext cx="7698895" cy="7468464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61097" tIns="30548" rIns="61097" bIns="30548" rtlCol="0" anchor="ctr"/>
          <a:lstStyle/>
          <a:p>
            <a:pPr algn="ctr"/>
            <a:endParaRPr lang="da-DK" sz="1698" noProof="0" dirty="0" err="1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3"/>
          </p:nvPr>
        </p:nvSpPr>
        <p:spPr>
          <a:xfrm rot="5400000">
            <a:off x="25058630" y="16002473"/>
            <a:ext cx="8951748" cy="63402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663">
                <a:solidFill>
                  <a:schemeClr val="tx1"/>
                </a:solidFill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via </a:t>
            </a:r>
            <a:r>
              <a:rPr lang="en-GB" dirty="0" err="1"/>
              <a:t>sidefod</a:t>
            </a:r>
            <a:r>
              <a:rPr lang="en-GB" dirty="0"/>
              <a:t>: </a:t>
            </a:r>
            <a:r>
              <a:rPr lang="en-GB" dirty="0" err="1"/>
              <a:t>Forsker</a:t>
            </a:r>
            <a:r>
              <a:rPr lang="en-GB" dirty="0"/>
              <a:t>, </a:t>
            </a:r>
            <a:r>
              <a:rPr lang="en-GB" dirty="0" err="1"/>
              <a:t>Syddansk</a:t>
            </a:r>
            <a:r>
              <a:rPr lang="en-GB" dirty="0"/>
              <a:t> </a:t>
            </a:r>
            <a:r>
              <a:rPr lang="en-GB" dirty="0" err="1"/>
              <a:t>Universitet</a:t>
            </a:r>
            <a:r>
              <a:rPr lang="en-GB" dirty="0"/>
              <a:t>/ Name, University of Southern Denmark</a:t>
            </a:r>
          </a:p>
        </p:txBody>
      </p:sp>
      <p:sp>
        <p:nvSpPr>
          <p:cNvPr id="19" name="Slide Number Placeholder 18">
            <a:extLst>
              <a:ext uri="{FF2B5EF4-FFF2-40B4-BE49-F238E27FC236}">
                <a16:creationId xmlns:a16="http://schemas.microsoft.com/office/drawing/2014/main" id="{A99DA098-D8AC-4F76-B21B-ECD6320503A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21689126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19">
                <a:noFill/>
              </a:defRPr>
            </a:lvl1pPr>
          </a:lstStyle>
          <a:p>
            <a:fld id="{243D083C-813B-4EF1-9022-D19B331ACFAC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4" name="Date_GeneralDate"/>
          <p:cNvSpPr>
            <a:spLocks noGrp="1"/>
          </p:cNvSpPr>
          <p:nvPr>
            <p:ph type="dt" sz="half" idx="2"/>
          </p:nvPr>
        </p:nvSpPr>
        <p:spPr>
          <a:xfrm>
            <a:off x="0" y="21689126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9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0" name="text" descr="{&quot;templafy&quot;:{&quot;id&quot;:&quot;f158a74a-2d95-4900-bf60-2b3f6f3bfc00&quot;}}" title="UserProfile.Institut.InstituteDCU_{{DocumentLanguage}}">
            <a:extLst>
              <a:ext uri="{FF2B5EF4-FFF2-40B4-BE49-F238E27FC236}">
                <a16:creationId xmlns:a16="http://schemas.microsoft.com/office/drawing/2014/main" id="{349FE162-FB9A-4685-99E4-F16662D025BB}"/>
              </a:ext>
            </a:extLst>
          </p:cNvPr>
          <p:cNvSpPr txBox="1">
            <a:spLocks/>
          </p:cNvSpPr>
          <p:nvPr userDrawn="1"/>
        </p:nvSpPr>
        <p:spPr>
          <a:xfrm>
            <a:off x="866290" y="843103"/>
            <a:ext cx="16987720" cy="280760"/>
          </a:xfrm>
          <a:prstGeom prst="rect">
            <a:avLst/>
          </a:prstGeom>
        </p:spPr>
        <p:txBody>
          <a:bodyPr lIns="0" tIns="0" rIns="0" bIns="0" anchor="b" anchorCtr="0"/>
          <a:lstStyle>
            <a:lvl1pPr marL="0" indent="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None/>
              <a:defRPr sz="14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None/>
              <a:defRPr sz="14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800"/>
              </a:spcAft>
              <a:buFont typeface="Arial" panose="020B0604020202020204" pitchFamily="34" charset="0"/>
              <a:buNone/>
              <a:tabLst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2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663" dirty="0"/>
              <a:t>SDU IT</a:t>
            </a:r>
          </a:p>
        </p:txBody>
      </p:sp>
      <p:pic>
        <p:nvPicPr>
          <p:cNvPr id="23" name="Logo black">
            <a:extLst>
              <a:ext uri="{FF2B5EF4-FFF2-40B4-BE49-F238E27FC236}">
                <a16:creationId xmlns:a16="http://schemas.microsoft.com/office/drawing/2014/main" id="{EE1F646C-1C5B-424B-9487-30C36C830CBF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219918" y="856593"/>
            <a:ext cx="2226794" cy="5936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69" r:id="rId2"/>
    <p:sldLayoutId id="2147483770" r:id="rId3"/>
    <p:sldLayoutId id="2147483771" r:id="rId4"/>
    <p:sldLayoutId id="2147483746" r:id="rId5"/>
  </p:sldLayoutIdLst>
  <p:hf hdr="0"/>
  <p:txStyles>
    <p:titleStyle>
      <a:lvl1pPr algn="l" defTabSz="775884" rtl="0" eaLnBrk="1" latinLnBrk="0" hangingPunct="1">
        <a:lnSpc>
          <a:spcPct val="88000"/>
        </a:lnSpc>
        <a:spcBef>
          <a:spcPct val="0"/>
        </a:spcBef>
        <a:buNone/>
        <a:defRPr sz="8315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775884" rtl="0" eaLnBrk="1" latinLnBrk="0" hangingPunct="1">
        <a:lnSpc>
          <a:spcPct val="110000"/>
        </a:lnSpc>
        <a:spcBef>
          <a:spcPts val="1018"/>
        </a:spcBef>
        <a:spcAft>
          <a:spcPts val="510"/>
        </a:spcAft>
        <a:buFont typeface="Arial" panose="020B0604020202020204" pitchFamily="34" charset="0"/>
        <a:buChar char="​"/>
        <a:defRPr sz="2376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775884" rtl="0" eaLnBrk="1" latinLnBrk="0" hangingPunct="1">
        <a:lnSpc>
          <a:spcPct val="110000"/>
        </a:lnSpc>
        <a:spcBef>
          <a:spcPts val="0"/>
        </a:spcBef>
        <a:spcAft>
          <a:spcPts val="1018"/>
        </a:spcAft>
        <a:buFont typeface="Arial" panose="020B0604020202020204" pitchFamily="34" charset="0"/>
        <a:buChar char="​"/>
        <a:defRPr sz="2376" kern="1200">
          <a:solidFill>
            <a:schemeClr val="tx1"/>
          </a:solidFill>
          <a:latin typeface="+mn-lt"/>
          <a:ea typeface="+mn-ea"/>
          <a:cs typeface="+mn-cs"/>
        </a:defRPr>
      </a:lvl2pPr>
      <a:lvl3pPr marL="152733" indent="-152733" algn="l" defTabSz="775884" rtl="0" eaLnBrk="1" latinLnBrk="0" hangingPunct="1">
        <a:lnSpc>
          <a:spcPct val="110000"/>
        </a:lnSpc>
        <a:spcBef>
          <a:spcPts val="0"/>
        </a:spcBef>
        <a:spcAft>
          <a:spcPts val="1018"/>
        </a:spcAft>
        <a:buFont typeface="Arial" panose="020B0604020202020204" pitchFamily="34" charset="0"/>
        <a:buChar char="•"/>
        <a:defRPr sz="2376" kern="1200">
          <a:solidFill>
            <a:schemeClr val="tx1"/>
          </a:solidFill>
          <a:latin typeface="+mn-lt"/>
          <a:ea typeface="+mn-ea"/>
          <a:cs typeface="+mn-cs"/>
        </a:defRPr>
      </a:lvl3pPr>
      <a:lvl4pPr marL="305466" indent="-152733" algn="l" defTabSz="775884" rtl="0" eaLnBrk="1" latinLnBrk="0" hangingPunct="1">
        <a:lnSpc>
          <a:spcPct val="110000"/>
        </a:lnSpc>
        <a:spcBef>
          <a:spcPts val="0"/>
        </a:spcBef>
        <a:spcAft>
          <a:spcPts val="848"/>
        </a:spcAft>
        <a:buFont typeface="Arial" panose="020B0604020202020204" pitchFamily="34" charset="0"/>
        <a:buChar char="•"/>
        <a:defRPr sz="2138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458199" indent="-152733" algn="l" defTabSz="775884" rtl="0" eaLnBrk="1" latinLnBrk="0" hangingPunct="1">
        <a:lnSpc>
          <a:spcPct val="110000"/>
        </a:lnSpc>
        <a:spcBef>
          <a:spcPts val="0"/>
        </a:spcBef>
        <a:spcAft>
          <a:spcPts val="678"/>
        </a:spcAft>
        <a:buFont typeface="Arial" panose="020B0604020202020204" pitchFamily="34" charset="0"/>
        <a:buChar char="•"/>
        <a:tabLst/>
        <a:defRPr sz="1901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775884" rtl="0" eaLnBrk="1" latinLnBrk="0" hangingPunct="1">
        <a:lnSpc>
          <a:spcPct val="110000"/>
        </a:lnSpc>
        <a:spcBef>
          <a:spcPts val="510"/>
        </a:spcBef>
        <a:spcAft>
          <a:spcPts val="510"/>
        </a:spcAft>
        <a:buFont typeface="Arial" panose="020B0604020202020204" pitchFamily="34" charset="0"/>
        <a:buChar char="​"/>
        <a:defRPr sz="1425" b="1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775884" rtl="0" eaLnBrk="1" latinLnBrk="0" hangingPunct="1">
        <a:lnSpc>
          <a:spcPct val="110000"/>
        </a:lnSpc>
        <a:spcBef>
          <a:spcPts val="0"/>
        </a:spcBef>
        <a:spcAft>
          <a:spcPts val="510"/>
        </a:spcAft>
        <a:buFont typeface="Arial" panose="020B0604020202020204" pitchFamily="34" charset="0"/>
        <a:buChar char="​"/>
        <a:defRPr sz="1425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52733" indent="-152733" algn="l" defTabSz="775884" rtl="0" eaLnBrk="1" latinLnBrk="0" hangingPunct="1">
        <a:lnSpc>
          <a:spcPct val="110000"/>
        </a:lnSpc>
        <a:spcBef>
          <a:spcPts val="0"/>
        </a:spcBef>
        <a:spcAft>
          <a:spcPts val="510"/>
        </a:spcAft>
        <a:buFont typeface="Arial" panose="020B0604020202020204" pitchFamily="34" charset="0"/>
        <a:buChar char="•"/>
        <a:defRPr sz="1425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775884" rtl="0" eaLnBrk="1" latinLnBrk="0" hangingPunct="1">
        <a:lnSpc>
          <a:spcPct val="83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56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775884" rtl="0" eaLnBrk="1" latinLnBrk="0" hangingPunct="1">
        <a:defRPr sz="1528" kern="1200">
          <a:solidFill>
            <a:schemeClr val="tx1"/>
          </a:solidFill>
          <a:latin typeface="+mn-lt"/>
          <a:ea typeface="+mn-ea"/>
          <a:cs typeface="+mn-cs"/>
        </a:defRPr>
      </a:lvl1pPr>
      <a:lvl2pPr marL="387942" algn="l" defTabSz="775884" rtl="0" eaLnBrk="1" latinLnBrk="0" hangingPunct="1">
        <a:defRPr sz="1528" kern="1200">
          <a:solidFill>
            <a:schemeClr val="tx1"/>
          </a:solidFill>
          <a:latin typeface="+mn-lt"/>
          <a:ea typeface="+mn-ea"/>
          <a:cs typeface="+mn-cs"/>
        </a:defRPr>
      </a:lvl2pPr>
      <a:lvl3pPr marL="775884" algn="l" defTabSz="775884" rtl="0" eaLnBrk="1" latinLnBrk="0" hangingPunct="1">
        <a:defRPr sz="1528" kern="1200">
          <a:solidFill>
            <a:schemeClr val="tx1"/>
          </a:solidFill>
          <a:latin typeface="+mn-lt"/>
          <a:ea typeface="+mn-ea"/>
          <a:cs typeface="+mn-cs"/>
        </a:defRPr>
      </a:lvl3pPr>
      <a:lvl4pPr marL="1163826" algn="l" defTabSz="775884" rtl="0" eaLnBrk="1" latinLnBrk="0" hangingPunct="1">
        <a:defRPr sz="1528" kern="1200">
          <a:solidFill>
            <a:schemeClr val="tx1"/>
          </a:solidFill>
          <a:latin typeface="+mn-lt"/>
          <a:ea typeface="+mn-ea"/>
          <a:cs typeface="+mn-cs"/>
        </a:defRPr>
      </a:lvl4pPr>
      <a:lvl5pPr marL="1551768" algn="l" defTabSz="775884" rtl="0" eaLnBrk="1" latinLnBrk="0" hangingPunct="1">
        <a:defRPr sz="1528" kern="1200">
          <a:solidFill>
            <a:schemeClr val="tx1"/>
          </a:solidFill>
          <a:latin typeface="+mn-lt"/>
          <a:ea typeface="+mn-ea"/>
          <a:cs typeface="+mn-cs"/>
        </a:defRPr>
      </a:lvl5pPr>
      <a:lvl6pPr marL="1939710" algn="l" defTabSz="775884" rtl="0" eaLnBrk="1" latinLnBrk="0" hangingPunct="1">
        <a:defRPr sz="1528" kern="1200">
          <a:solidFill>
            <a:schemeClr val="tx1"/>
          </a:solidFill>
          <a:latin typeface="+mn-lt"/>
          <a:ea typeface="+mn-ea"/>
          <a:cs typeface="+mn-cs"/>
        </a:defRPr>
      </a:lvl6pPr>
      <a:lvl7pPr marL="2327652" algn="l" defTabSz="775884" rtl="0" eaLnBrk="1" latinLnBrk="0" hangingPunct="1">
        <a:defRPr sz="1528" kern="1200">
          <a:solidFill>
            <a:schemeClr val="tx1"/>
          </a:solidFill>
          <a:latin typeface="+mn-lt"/>
          <a:ea typeface="+mn-ea"/>
          <a:cs typeface="+mn-cs"/>
        </a:defRPr>
      </a:lvl7pPr>
      <a:lvl8pPr marL="2715594" algn="l" defTabSz="775884" rtl="0" eaLnBrk="1" latinLnBrk="0" hangingPunct="1">
        <a:defRPr sz="1528" kern="1200">
          <a:solidFill>
            <a:schemeClr val="tx1"/>
          </a:solidFill>
          <a:latin typeface="+mn-lt"/>
          <a:ea typeface="+mn-ea"/>
          <a:cs typeface="+mn-cs"/>
        </a:defRPr>
      </a:lvl8pPr>
      <a:lvl9pPr marL="3103536" algn="l" defTabSz="775884" rtl="0" eaLnBrk="1" latinLnBrk="0" hangingPunct="1">
        <a:defRPr sz="15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545" userDrawn="1">
          <p15:clr>
            <a:srgbClr val="F26B43"/>
          </p15:clr>
        </p15:guide>
        <p15:guide id="3" orient="horz" pos="1755" userDrawn="1">
          <p15:clr>
            <a:srgbClr val="F26B43"/>
          </p15:clr>
        </p15:guide>
        <p15:guide id="4" pos="18523" userDrawn="1">
          <p15:clr>
            <a:srgbClr val="F26B43"/>
          </p15:clr>
        </p15:guide>
        <p15:guide id="5" orient="horz" pos="13085" userDrawn="1">
          <p15:clr>
            <a:srgbClr val="F26B43"/>
          </p15:clr>
        </p15:guide>
        <p15:guide id="6" orient="horz" pos="3260" userDrawn="1">
          <p15:clr>
            <a:srgbClr val="F26B43"/>
          </p15:clr>
        </p15:guide>
        <p15:guide id="7" pos="173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.xml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Titel 2">
            <a:extLst>
              <a:ext uri="{FF2B5EF4-FFF2-40B4-BE49-F238E27FC236}">
                <a16:creationId xmlns:a16="http://schemas.microsoft.com/office/drawing/2014/main" id="{A77E2C90-4227-3D79-569A-F1CED5B845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634295" y="1664610"/>
            <a:ext cx="8953494" cy="1271096"/>
          </a:xfrm>
        </p:spPr>
        <p:txBody>
          <a:bodyPr/>
          <a:lstStyle/>
          <a:p>
            <a:r>
              <a:rPr lang="da-DK" sz="6500" dirty="0"/>
              <a:t>SWOT-analyse</a:t>
            </a:r>
          </a:p>
        </p:txBody>
      </p:sp>
      <p:sp>
        <p:nvSpPr>
          <p:cNvPr id="30" name="Rektangel: afrundede hjørner 14">
            <a:extLst>
              <a:ext uri="{FF2B5EF4-FFF2-40B4-BE49-F238E27FC236}">
                <a16:creationId xmlns:a16="http://schemas.microsoft.com/office/drawing/2014/main" id="{A543A6AD-D0A9-80B1-D2BD-9CD68F96C973}"/>
              </a:ext>
            </a:extLst>
          </p:cNvPr>
          <p:cNvSpPr/>
          <p:nvPr/>
        </p:nvSpPr>
        <p:spPr>
          <a:xfrm>
            <a:off x="2235874" y="12681283"/>
            <a:ext cx="12562968" cy="7037731"/>
          </a:xfrm>
          <a:custGeom>
            <a:avLst/>
            <a:gdLst>
              <a:gd name="connsiteX0" fmla="*/ 0 w 17739360"/>
              <a:gd name="connsiteY0" fmla="*/ 1593700 h 9562011"/>
              <a:gd name="connsiteX1" fmla="*/ 1593700 w 17739360"/>
              <a:gd name="connsiteY1" fmla="*/ 0 h 9562011"/>
              <a:gd name="connsiteX2" fmla="*/ 16145660 w 17739360"/>
              <a:gd name="connsiteY2" fmla="*/ 0 h 9562011"/>
              <a:gd name="connsiteX3" fmla="*/ 17739360 w 17739360"/>
              <a:gd name="connsiteY3" fmla="*/ 1593700 h 9562011"/>
              <a:gd name="connsiteX4" fmla="*/ 17739360 w 17739360"/>
              <a:gd name="connsiteY4" fmla="*/ 7968311 h 9562011"/>
              <a:gd name="connsiteX5" fmla="*/ 16145660 w 17739360"/>
              <a:gd name="connsiteY5" fmla="*/ 9562011 h 9562011"/>
              <a:gd name="connsiteX6" fmla="*/ 1593700 w 17739360"/>
              <a:gd name="connsiteY6" fmla="*/ 9562011 h 9562011"/>
              <a:gd name="connsiteX7" fmla="*/ 0 w 17739360"/>
              <a:gd name="connsiteY7" fmla="*/ 7968311 h 9562011"/>
              <a:gd name="connsiteX8" fmla="*/ 0 w 17739360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149355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1597395 w 17743055"/>
              <a:gd name="connsiteY6" fmla="*/ 9562011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149355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944252 w 17743055"/>
              <a:gd name="connsiteY6" fmla="*/ 9529354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802498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944252 w 17743055"/>
              <a:gd name="connsiteY6" fmla="*/ 9529354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6750"/>
              <a:gd name="connsiteY0" fmla="*/ 1593700 h 9529354"/>
              <a:gd name="connsiteX1" fmla="*/ 780967 w 17746750"/>
              <a:gd name="connsiteY1" fmla="*/ 0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3695 w 17746750"/>
              <a:gd name="connsiteY0" fmla="*/ 1626357 h 9562011"/>
              <a:gd name="connsiteX1" fmla="*/ 780967 w 17746750"/>
              <a:gd name="connsiteY1" fmla="*/ 0 h 9562011"/>
              <a:gd name="connsiteX2" fmla="*/ 16802498 w 17746750"/>
              <a:gd name="connsiteY2" fmla="*/ 32657 h 9562011"/>
              <a:gd name="connsiteX3" fmla="*/ 17743055 w 17746750"/>
              <a:gd name="connsiteY3" fmla="*/ 1626357 h 9562011"/>
              <a:gd name="connsiteX4" fmla="*/ 17743055 w 17746750"/>
              <a:gd name="connsiteY4" fmla="*/ 8000968 h 9562011"/>
              <a:gd name="connsiteX5" fmla="*/ 16965784 w 17746750"/>
              <a:gd name="connsiteY5" fmla="*/ 9562011 h 9562011"/>
              <a:gd name="connsiteX6" fmla="*/ 944252 w 17746750"/>
              <a:gd name="connsiteY6" fmla="*/ 9562011 h 9562011"/>
              <a:gd name="connsiteX7" fmla="*/ 3695 w 17746750"/>
              <a:gd name="connsiteY7" fmla="*/ 8000968 h 9562011"/>
              <a:gd name="connsiteX8" fmla="*/ 3695 w 17746750"/>
              <a:gd name="connsiteY8" fmla="*/ 1626357 h 9562011"/>
              <a:gd name="connsiteX0" fmla="*/ 3695 w 17746750"/>
              <a:gd name="connsiteY0" fmla="*/ 1593700 h 9529354"/>
              <a:gd name="connsiteX1" fmla="*/ 780967 w 17746750"/>
              <a:gd name="connsiteY1" fmla="*/ 65314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3695 w 17746750"/>
              <a:gd name="connsiteY0" fmla="*/ 1593700 h 9529354"/>
              <a:gd name="connsiteX1" fmla="*/ 780967 w 17746750"/>
              <a:gd name="connsiteY1" fmla="*/ 32657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0 w 17743055"/>
              <a:gd name="connsiteY0" fmla="*/ 1609169 h 9544823"/>
              <a:gd name="connsiteX1" fmla="*/ 937693 w 17743055"/>
              <a:gd name="connsiteY1" fmla="*/ 0 h 9544823"/>
              <a:gd name="connsiteX2" fmla="*/ 16798803 w 17743055"/>
              <a:gd name="connsiteY2" fmla="*/ 15469 h 9544823"/>
              <a:gd name="connsiteX3" fmla="*/ 17739360 w 17743055"/>
              <a:gd name="connsiteY3" fmla="*/ 1609169 h 9544823"/>
              <a:gd name="connsiteX4" fmla="*/ 17739360 w 17743055"/>
              <a:gd name="connsiteY4" fmla="*/ 7983780 h 9544823"/>
              <a:gd name="connsiteX5" fmla="*/ 16962089 w 17743055"/>
              <a:gd name="connsiteY5" fmla="*/ 9544823 h 9544823"/>
              <a:gd name="connsiteX6" fmla="*/ 940557 w 17743055"/>
              <a:gd name="connsiteY6" fmla="*/ 9544823 h 9544823"/>
              <a:gd name="connsiteX7" fmla="*/ 0 w 17743055"/>
              <a:gd name="connsiteY7" fmla="*/ 7983780 h 9544823"/>
              <a:gd name="connsiteX8" fmla="*/ 0 w 17743055"/>
              <a:gd name="connsiteY8" fmla="*/ 1609169 h 9544823"/>
              <a:gd name="connsiteX0" fmla="*/ 0 w 17739360"/>
              <a:gd name="connsiteY0" fmla="*/ 1609169 h 9544823"/>
              <a:gd name="connsiteX1" fmla="*/ 937693 w 17739360"/>
              <a:gd name="connsiteY1" fmla="*/ 0 h 9544823"/>
              <a:gd name="connsiteX2" fmla="*/ 16798803 w 17739360"/>
              <a:gd name="connsiteY2" fmla="*/ 15469 h 9544823"/>
              <a:gd name="connsiteX3" fmla="*/ 17739360 w 17739360"/>
              <a:gd name="connsiteY3" fmla="*/ 1609169 h 9544823"/>
              <a:gd name="connsiteX4" fmla="*/ 17739360 w 17739360"/>
              <a:gd name="connsiteY4" fmla="*/ 7983780 h 9544823"/>
              <a:gd name="connsiteX5" fmla="*/ 16769583 w 17739360"/>
              <a:gd name="connsiteY5" fmla="*/ 9528781 h 9544823"/>
              <a:gd name="connsiteX6" fmla="*/ 940557 w 17739360"/>
              <a:gd name="connsiteY6" fmla="*/ 9544823 h 9544823"/>
              <a:gd name="connsiteX7" fmla="*/ 0 w 17739360"/>
              <a:gd name="connsiteY7" fmla="*/ 7983780 h 9544823"/>
              <a:gd name="connsiteX8" fmla="*/ 0 w 17739360"/>
              <a:gd name="connsiteY8" fmla="*/ 1609169 h 95448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7739360" h="9544823">
                <a:moveTo>
                  <a:pt x="0" y="1609169"/>
                </a:moveTo>
                <a:cubicBezTo>
                  <a:pt x="0" y="728993"/>
                  <a:pt x="57517" y="0"/>
                  <a:pt x="937693" y="0"/>
                </a:cubicBezTo>
                <a:lnTo>
                  <a:pt x="16798803" y="15469"/>
                </a:lnTo>
                <a:cubicBezTo>
                  <a:pt x="17678979" y="15469"/>
                  <a:pt x="17739360" y="728993"/>
                  <a:pt x="17739360" y="1609169"/>
                </a:cubicBezTo>
                <a:lnTo>
                  <a:pt x="17739360" y="7983780"/>
                </a:lnTo>
                <a:cubicBezTo>
                  <a:pt x="17739360" y="8863956"/>
                  <a:pt x="17649759" y="9528781"/>
                  <a:pt x="16769583" y="9528781"/>
                </a:cubicBezTo>
                <a:lnTo>
                  <a:pt x="940557" y="9544823"/>
                </a:lnTo>
                <a:cubicBezTo>
                  <a:pt x="60381" y="9544823"/>
                  <a:pt x="0" y="8863956"/>
                  <a:pt x="0" y="7983780"/>
                </a:cubicBezTo>
                <a:lnTo>
                  <a:pt x="0" y="1609169"/>
                </a:lnTo>
                <a:close/>
              </a:path>
            </a:pathLst>
          </a:custGeom>
          <a:solidFill>
            <a:schemeClr val="accent3"/>
          </a:solidFill>
          <a:ln>
            <a:solidFill>
              <a:schemeClr val="accent3"/>
            </a:solidFill>
          </a:ln>
          <a:effectLst>
            <a:glow>
              <a:schemeClr val="accent1">
                <a:alpha val="40000"/>
              </a:schemeClr>
            </a:glow>
            <a:softEdge rad="0"/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endParaRPr lang="da-DK" sz="800" dirty="0"/>
          </a:p>
        </p:txBody>
      </p:sp>
      <p:sp>
        <p:nvSpPr>
          <p:cNvPr id="32" name="Tekstfelt 31">
            <a:extLst>
              <a:ext uri="{FF2B5EF4-FFF2-40B4-BE49-F238E27FC236}">
                <a16:creationId xmlns:a16="http://schemas.microsoft.com/office/drawing/2014/main" id="{92C2A45A-24D7-2858-6343-6DED39CC4B26}"/>
              </a:ext>
            </a:extLst>
          </p:cNvPr>
          <p:cNvSpPr txBox="1"/>
          <p:nvPr/>
        </p:nvSpPr>
        <p:spPr>
          <a:xfrm rot="16200000">
            <a:off x="-1721937" y="7318983"/>
            <a:ext cx="703704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3600" b="1" dirty="0"/>
              <a:t>Hvad har vi?</a:t>
            </a:r>
          </a:p>
        </p:txBody>
      </p:sp>
      <p:sp>
        <p:nvSpPr>
          <p:cNvPr id="33" name="Tekstfelt 32">
            <a:extLst>
              <a:ext uri="{FF2B5EF4-FFF2-40B4-BE49-F238E27FC236}">
                <a16:creationId xmlns:a16="http://schemas.microsoft.com/office/drawing/2014/main" id="{D14C0270-6EE8-E782-AEC7-2CDAAD460E0A}"/>
              </a:ext>
            </a:extLst>
          </p:cNvPr>
          <p:cNvSpPr txBox="1"/>
          <p:nvPr/>
        </p:nvSpPr>
        <p:spPr>
          <a:xfrm rot="16200000">
            <a:off x="-2601727" y="15923149"/>
            <a:ext cx="8796627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3600" b="1" dirty="0"/>
              <a:t>Hvad er der omkring os?</a:t>
            </a:r>
          </a:p>
        </p:txBody>
      </p:sp>
      <p:sp>
        <p:nvSpPr>
          <p:cNvPr id="35" name="Rektangel: afrundede hjørner 14">
            <a:extLst>
              <a:ext uri="{FF2B5EF4-FFF2-40B4-BE49-F238E27FC236}">
                <a16:creationId xmlns:a16="http://schemas.microsoft.com/office/drawing/2014/main" id="{6DA50198-92B7-6DEC-7490-1FF7F2491613}"/>
              </a:ext>
            </a:extLst>
          </p:cNvPr>
          <p:cNvSpPr/>
          <p:nvPr/>
        </p:nvSpPr>
        <p:spPr>
          <a:xfrm>
            <a:off x="2235874" y="4451684"/>
            <a:ext cx="12562968" cy="6663506"/>
          </a:xfrm>
          <a:custGeom>
            <a:avLst/>
            <a:gdLst>
              <a:gd name="connsiteX0" fmla="*/ 0 w 17739360"/>
              <a:gd name="connsiteY0" fmla="*/ 1593700 h 9562011"/>
              <a:gd name="connsiteX1" fmla="*/ 1593700 w 17739360"/>
              <a:gd name="connsiteY1" fmla="*/ 0 h 9562011"/>
              <a:gd name="connsiteX2" fmla="*/ 16145660 w 17739360"/>
              <a:gd name="connsiteY2" fmla="*/ 0 h 9562011"/>
              <a:gd name="connsiteX3" fmla="*/ 17739360 w 17739360"/>
              <a:gd name="connsiteY3" fmla="*/ 1593700 h 9562011"/>
              <a:gd name="connsiteX4" fmla="*/ 17739360 w 17739360"/>
              <a:gd name="connsiteY4" fmla="*/ 7968311 h 9562011"/>
              <a:gd name="connsiteX5" fmla="*/ 16145660 w 17739360"/>
              <a:gd name="connsiteY5" fmla="*/ 9562011 h 9562011"/>
              <a:gd name="connsiteX6" fmla="*/ 1593700 w 17739360"/>
              <a:gd name="connsiteY6" fmla="*/ 9562011 h 9562011"/>
              <a:gd name="connsiteX7" fmla="*/ 0 w 17739360"/>
              <a:gd name="connsiteY7" fmla="*/ 7968311 h 9562011"/>
              <a:gd name="connsiteX8" fmla="*/ 0 w 17739360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149355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1597395 w 17743055"/>
              <a:gd name="connsiteY6" fmla="*/ 9562011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149355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944252 w 17743055"/>
              <a:gd name="connsiteY6" fmla="*/ 9529354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802498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944252 w 17743055"/>
              <a:gd name="connsiteY6" fmla="*/ 9529354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6750"/>
              <a:gd name="connsiteY0" fmla="*/ 1593700 h 9529354"/>
              <a:gd name="connsiteX1" fmla="*/ 780967 w 17746750"/>
              <a:gd name="connsiteY1" fmla="*/ 0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3695 w 17746750"/>
              <a:gd name="connsiteY0" fmla="*/ 1626357 h 9562011"/>
              <a:gd name="connsiteX1" fmla="*/ 780967 w 17746750"/>
              <a:gd name="connsiteY1" fmla="*/ 0 h 9562011"/>
              <a:gd name="connsiteX2" fmla="*/ 16802498 w 17746750"/>
              <a:gd name="connsiteY2" fmla="*/ 32657 h 9562011"/>
              <a:gd name="connsiteX3" fmla="*/ 17743055 w 17746750"/>
              <a:gd name="connsiteY3" fmla="*/ 1626357 h 9562011"/>
              <a:gd name="connsiteX4" fmla="*/ 17743055 w 17746750"/>
              <a:gd name="connsiteY4" fmla="*/ 8000968 h 9562011"/>
              <a:gd name="connsiteX5" fmla="*/ 16965784 w 17746750"/>
              <a:gd name="connsiteY5" fmla="*/ 9562011 h 9562011"/>
              <a:gd name="connsiteX6" fmla="*/ 944252 w 17746750"/>
              <a:gd name="connsiteY6" fmla="*/ 9562011 h 9562011"/>
              <a:gd name="connsiteX7" fmla="*/ 3695 w 17746750"/>
              <a:gd name="connsiteY7" fmla="*/ 8000968 h 9562011"/>
              <a:gd name="connsiteX8" fmla="*/ 3695 w 17746750"/>
              <a:gd name="connsiteY8" fmla="*/ 1626357 h 9562011"/>
              <a:gd name="connsiteX0" fmla="*/ 3695 w 17746750"/>
              <a:gd name="connsiteY0" fmla="*/ 1593700 h 9529354"/>
              <a:gd name="connsiteX1" fmla="*/ 780967 w 17746750"/>
              <a:gd name="connsiteY1" fmla="*/ 65314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3695 w 17746750"/>
              <a:gd name="connsiteY0" fmla="*/ 1593700 h 9529354"/>
              <a:gd name="connsiteX1" fmla="*/ 780967 w 17746750"/>
              <a:gd name="connsiteY1" fmla="*/ 32657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0 w 17743055"/>
              <a:gd name="connsiteY0" fmla="*/ 1609169 h 9544823"/>
              <a:gd name="connsiteX1" fmla="*/ 937693 w 17743055"/>
              <a:gd name="connsiteY1" fmla="*/ 0 h 9544823"/>
              <a:gd name="connsiteX2" fmla="*/ 16798803 w 17743055"/>
              <a:gd name="connsiteY2" fmla="*/ 15469 h 9544823"/>
              <a:gd name="connsiteX3" fmla="*/ 17739360 w 17743055"/>
              <a:gd name="connsiteY3" fmla="*/ 1609169 h 9544823"/>
              <a:gd name="connsiteX4" fmla="*/ 17739360 w 17743055"/>
              <a:gd name="connsiteY4" fmla="*/ 7983780 h 9544823"/>
              <a:gd name="connsiteX5" fmla="*/ 16962089 w 17743055"/>
              <a:gd name="connsiteY5" fmla="*/ 9544823 h 9544823"/>
              <a:gd name="connsiteX6" fmla="*/ 940557 w 17743055"/>
              <a:gd name="connsiteY6" fmla="*/ 9544823 h 9544823"/>
              <a:gd name="connsiteX7" fmla="*/ 0 w 17743055"/>
              <a:gd name="connsiteY7" fmla="*/ 7983780 h 9544823"/>
              <a:gd name="connsiteX8" fmla="*/ 0 w 17743055"/>
              <a:gd name="connsiteY8" fmla="*/ 1609169 h 9544823"/>
              <a:gd name="connsiteX0" fmla="*/ 0 w 17739360"/>
              <a:gd name="connsiteY0" fmla="*/ 1609169 h 9544823"/>
              <a:gd name="connsiteX1" fmla="*/ 937693 w 17739360"/>
              <a:gd name="connsiteY1" fmla="*/ 0 h 9544823"/>
              <a:gd name="connsiteX2" fmla="*/ 16798803 w 17739360"/>
              <a:gd name="connsiteY2" fmla="*/ 15469 h 9544823"/>
              <a:gd name="connsiteX3" fmla="*/ 17739360 w 17739360"/>
              <a:gd name="connsiteY3" fmla="*/ 1609169 h 9544823"/>
              <a:gd name="connsiteX4" fmla="*/ 17739360 w 17739360"/>
              <a:gd name="connsiteY4" fmla="*/ 7983780 h 9544823"/>
              <a:gd name="connsiteX5" fmla="*/ 16769583 w 17739360"/>
              <a:gd name="connsiteY5" fmla="*/ 9528781 h 9544823"/>
              <a:gd name="connsiteX6" fmla="*/ 940557 w 17739360"/>
              <a:gd name="connsiteY6" fmla="*/ 9544823 h 9544823"/>
              <a:gd name="connsiteX7" fmla="*/ 0 w 17739360"/>
              <a:gd name="connsiteY7" fmla="*/ 7983780 h 9544823"/>
              <a:gd name="connsiteX8" fmla="*/ 0 w 17739360"/>
              <a:gd name="connsiteY8" fmla="*/ 1609169 h 95448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7739360" h="9544823">
                <a:moveTo>
                  <a:pt x="0" y="1609169"/>
                </a:moveTo>
                <a:cubicBezTo>
                  <a:pt x="0" y="728993"/>
                  <a:pt x="57517" y="0"/>
                  <a:pt x="937693" y="0"/>
                </a:cubicBezTo>
                <a:lnTo>
                  <a:pt x="16798803" y="15469"/>
                </a:lnTo>
                <a:cubicBezTo>
                  <a:pt x="17678979" y="15469"/>
                  <a:pt x="17739360" y="728993"/>
                  <a:pt x="17739360" y="1609169"/>
                </a:cubicBezTo>
                <a:lnTo>
                  <a:pt x="17739360" y="7983780"/>
                </a:lnTo>
                <a:cubicBezTo>
                  <a:pt x="17739360" y="8863956"/>
                  <a:pt x="17649759" y="9528781"/>
                  <a:pt x="16769583" y="9528781"/>
                </a:cubicBezTo>
                <a:lnTo>
                  <a:pt x="940557" y="9544823"/>
                </a:lnTo>
                <a:cubicBezTo>
                  <a:pt x="60381" y="9544823"/>
                  <a:pt x="0" y="8863956"/>
                  <a:pt x="0" y="7983780"/>
                </a:cubicBezTo>
                <a:lnTo>
                  <a:pt x="0" y="1609169"/>
                </a:lnTo>
                <a:close/>
              </a:path>
            </a:pathLst>
          </a:custGeom>
          <a:ln>
            <a:solidFill>
              <a:schemeClr val="accent1"/>
            </a:solidFill>
          </a:ln>
          <a:effectLst>
            <a:glow>
              <a:schemeClr val="accent1">
                <a:alpha val="40000"/>
              </a:schemeClr>
            </a:glow>
            <a:softEdge rad="0"/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endParaRPr lang="da-DK" sz="800" dirty="0"/>
          </a:p>
        </p:txBody>
      </p:sp>
      <p:sp>
        <p:nvSpPr>
          <p:cNvPr id="36" name="Tekstfelt 35">
            <a:extLst>
              <a:ext uri="{FF2B5EF4-FFF2-40B4-BE49-F238E27FC236}">
                <a16:creationId xmlns:a16="http://schemas.microsoft.com/office/drawing/2014/main" id="{F4EC094D-6425-60D4-D4AF-5EAC17CFE78B}"/>
              </a:ext>
            </a:extLst>
          </p:cNvPr>
          <p:cNvSpPr txBox="1"/>
          <p:nvPr/>
        </p:nvSpPr>
        <p:spPr>
          <a:xfrm>
            <a:off x="6817376" y="3493187"/>
            <a:ext cx="3484238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6000" b="1" dirty="0">
                <a:ln>
                  <a:solidFill>
                    <a:schemeClr val="tx1"/>
                  </a:solidFill>
                </a:ln>
              </a:rPr>
              <a:t>Styrker</a:t>
            </a:r>
          </a:p>
        </p:txBody>
      </p:sp>
      <p:sp>
        <p:nvSpPr>
          <p:cNvPr id="37" name="Tekstfelt 36">
            <a:extLst>
              <a:ext uri="{FF2B5EF4-FFF2-40B4-BE49-F238E27FC236}">
                <a16:creationId xmlns:a16="http://schemas.microsoft.com/office/drawing/2014/main" id="{8D9CA2B6-8813-5C04-F6ED-777C536BB5CA}"/>
              </a:ext>
            </a:extLst>
          </p:cNvPr>
          <p:cNvSpPr txBox="1"/>
          <p:nvPr/>
        </p:nvSpPr>
        <p:spPr>
          <a:xfrm>
            <a:off x="20630155" y="3485713"/>
            <a:ext cx="5418945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6000" b="1" dirty="0">
                <a:ln>
                  <a:solidFill>
                    <a:schemeClr val="tx1"/>
                  </a:solidFill>
                </a:ln>
              </a:rPr>
              <a:t>Svagheder</a:t>
            </a:r>
          </a:p>
        </p:txBody>
      </p:sp>
      <p:pic>
        <p:nvPicPr>
          <p:cNvPr id="38" name="Pladsholder til indhold 105" descr="Et billede, der indeholder sort, skærmbillede, mørke&#10;&#10;Automatisk genereret beskrivelse">
            <a:extLst>
              <a:ext uri="{FF2B5EF4-FFF2-40B4-BE49-F238E27FC236}">
                <a16:creationId xmlns:a16="http://schemas.microsoft.com/office/drawing/2014/main" id="{161353A1-8078-951C-B5E2-AEE0CEAFA7E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662123" y="3591874"/>
            <a:ext cx="695978" cy="695978"/>
          </a:xfrm>
          <a:prstGeom prst="rect">
            <a:avLst/>
          </a:prstGeom>
        </p:spPr>
      </p:pic>
      <p:pic>
        <p:nvPicPr>
          <p:cNvPr id="39" name="Billede 38" descr="Et billede, der indeholder sort, mørke&#10;&#10;Automatisk genereret beskrivelse">
            <a:extLst>
              <a:ext uri="{FF2B5EF4-FFF2-40B4-BE49-F238E27FC236}">
                <a16:creationId xmlns:a16="http://schemas.microsoft.com/office/drawing/2014/main" id="{2DDEC105-4FC0-5984-54FE-5C9A97EE5B7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38429" y="3586724"/>
            <a:ext cx="729569" cy="729569"/>
          </a:xfrm>
          <a:prstGeom prst="rect">
            <a:avLst/>
          </a:prstGeom>
        </p:spPr>
      </p:pic>
      <p:sp>
        <p:nvSpPr>
          <p:cNvPr id="42" name="Rektangel: afrundede hjørner 14">
            <a:extLst>
              <a:ext uri="{FF2B5EF4-FFF2-40B4-BE49-F238E27FC236}">
                <a16:creationId xmlns:a16="http://schemas.microsoft.com/office/drawing/2014/main" id="{9DCC042C-DEA7-FDDA-BE9A-4628EACC5B23}"/>
              </a:ext>
            </a:extLst>
          </p:cNvPr>
          <p:cNvSpPr/>
          <p:nvPr/>
        </p:nvSpPr>
        <p:spPr>
          <a:xfrm>
            <a:off x="15695200" y="12646116"/>
            <a:ext cx="12562968" cy="7037731"/>
          </a:xfrm>
          <a:custGeom>
            <a:avLst/>
            <a:gdLst>
              <a:gd name="connsiteX0" fmla="*/ 0 w 17739360"/>
              <a:gd name="connsiteY0" fmla="*/ 1593700 h 9562011"/>
              <a:gd name="connsiteX1" fmla="*/ 1593700 w 17739360"/>
              <a:gd name="connsiteY1" fmla="*/ 0 h 9562011"/>
              <a:gd name="connsiteX2" fmla="*/ 16145660 w 17739360"/>
              <a:gd name="connsiteY2" fmla="*/ 0 h 9562011"/>
              <a:gd name="connsiteX3" fmla="*/ 17739360 w 17739360"/>
              <a:gd name="connsiteY3" fmla="*/ 1593700 h 9562011"/>
              <a:gd name="connsiteX4" fmla="*/ 17739360 w 17739360"/>
              <a:gd name="connsiteY4" fmla="*/ 7968311 h 9562011"/>
              <a:gd name="connsiteX5" fmla="*/ 16145660 w 17739360"/>
              <a:gd name="connsiteY5" fmla="*/ 9562011 h 9562011"/>
              <a:gd name="connsiteX6" fmla="*/ 1593700 w 17739360"/>
              <a:gd name="connsiteY6" fmla="*/ 9562011 h 9562011"/>
              <a:gd name="connsiteX7" fmla="*/ 0 w 17739360"/>
              <a:gd name="connsiteY7" fmla="*/ 7968311 h 9562011"/>
              <a:gd name="connsiteX8" fmla="*/ 0 w 17739360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149355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1597395 w 17743055"/>
              <a:gd name="connsiteY6" fmla="*/ 9562011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149355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944252 w 17743055"/>
              <a:gd name="connsiteY6" fmla="*/ 9529354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802498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944252 w 17743055"/>
              <a:gd name="connsiteY6" fmla="*/ 9529354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6750"/>
              <a:gd name="connsiteY0" fmla="*/ 1593700 h 9529354"/>
              <a:gd name="connsiteX1" fmla="*/ 780967 w 17746750"/>
              <a:gd name="connsiteY1" fmla="*/ 0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3695 w 17746750"/>
              <a:gd name="connsiteY0" fmla="*/ 1626357 h 9562011"/>
              <a:gd name="connsiteX1" fmla="*/ 780967 w 17746750"/>
              <a:gd name="connsiteY1" fmla="*/ 0 h 9562011"/>
              <a:gd name="connsiteX2" fmla="*/ 16802498 w 17746750"/>
              <a:gd name="connsiteY2" fmla="*/ 32657 h 9562011"/>
              <a:gd name="connsiteX3" fmla="*/ 17743055 w 17746750"/>
              <a:gd name="connsiteY3" fmla="*/ 1626357 h 9562011"/>
              <a:gd name="connsiteX4" fmla="*/ 17743055 w 17746750"/>
              <a:gd name="connsiteY4" fmla="*/ 8000968 h 9562011"/>
              <a:gd name="connsiteX5" fmla="*/ 16965784 w 17746750"/>
              <a:gd name="connsiteY5" fmla="*/ 9562011 h 9562011"/>
              <a:gd name="connsiteX6" fmla="*/ 944252 w 17746750"/>
              <a:gd name="connsiteY6" fmla="*/ 9562011 h 9562011"/>
              <a:gd name="connsiteX7" fmla="*/ 3695 w 17746750"/>
              <a:gd name="connsiteY7" fmla="*/ 8000968 h 9562011"/>
              <a:gd name="connsiteX8" fmla="*/ 3695 w 17746750"/>
              <a:gd name="connsiteY8" fmla="*/ 1626357 h 9562011"/>
              <a:gd name="connsiteX0" fmla="*/ 3695 w 17746750"/>
              <a:gd name="connsiteY0" fmla="*/ 1593700 h 9529354"/>
              <a:gd name="connsiteX1" fmla="*/ 780967 w 17746750"/>
              <a:gd name="connsiteY1" fmla="*/ 65314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3695 w 17746750"/>
              <a:gd name="connsiteY0" fmla="*/ 1593700 h 9529354"/>
              <a:gd name="connsiteX1" fmla="*/ 780967 w 17746750"/>
              <a:gd name="connsiteY1" fmla="*/ 32657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0 w 17743055"/>
              <a:gd name="connsiteY0" fmla="*/ 1609169 h 9544823"/>
              <a:gd name="connsiteX1" fmla="*/ 937693 w 17743055"/>
              <a:gd name="connsiteY1" fmla="*/ 0 h 9544823"/>
              <a:gd name="connsiteX2" fmla="*/ 16798803 w 17743055"/>
              <a:gd name="connsiteY2" fmla="*/ 15469 h 9544823"/>
              <a:gd name="connsiteX3" fmla="*/ 17739360 w 17743055"/>
              <a:gd name="connsiteY3" fmla="*/ 1609169 h 9544823"/>
              <a:gd name="connsiteX4" fmla="*/ 17739360 w 17743055"/>
              <a:gd name="connsiteY4" fmla="*/ 7983780 h 9544823"/>
              <a:gd name="connsiteX5" fmla="*/ 16962089 w 17743055"/>
              <a:gd name="connsiteY5" fmla="*/ 9544823 h 9544823"/>
              <a:gd name="connsiteX6" fmla="*/ 940557 w 17743055"/>
              <a:gd name="connsiteY6" fmla="*/ 9544823 h 9544823"/>
              <a:gd name="connsiteX7" fmla="*/ 0 w 17743055"/>
              <a:gd name="connsiteY7" fmla="*/ 7983780 h 9544823"/>
              <a:gd name="connsiteX8" fmla="*/ 0 w 17743055"/>
              <a:gd name="connsiteY8" fmla="*/ 1609169 h 9544823"/>
              <a:gd name="connsiteX0" fmla="*/ 0 w 17739360"/>
              <a:gd name="connsiteY0" fmla="*/ 1609169 h 9544823"/>
              <a:gd name="connsiteX1" fmla="*/ 937693 w 17739360"/>
              <a:gd name="connsiteY1" fmla="*/ 0 h 9544823"/>
              <a:gd name="connsiteX2" fmla="*/ 16798803 w 17739360"/>
              <a:gd name="connsiteY2" fmla="*/ 15469 h 9544823"/>
              <a:gd name="connsiteX3" fmla="*/ 17739360 w 17739360"/>
              <a:gd name="connsiteY3" fmla="*/ 1609169 h 9544823"/>
              <a:gd name="connsiteX4" fmla="*/ 17739360 w 17739360"/>
              <a:gd name="connsiteY4" fmla="*/ 7983780 h 9544823"/>
              <a:gd name="connsiteX5" fmla="*/ 16769583 w 17739360"/>
              <a:gd name="connsiteY5" fmla="*/ 9528781 h 9544823"/>
              <a:gd name="connsiteX6" fmla="*/ 940557 w 17739360"/>
              <a:gd name="connsiteY6" fmla="*/ 9544823 h 9544823"/>
              <a:gd name="connsiteX7" fmla="*/ 0 w 17739360"/>
              <a:gd name="connsiteY7" fmla="*/ 7983780 h 9544823"/>
              <a:gd name="connsiteX8" fmla="*/ 0 w 17739360"/>
              <a:gd name="connsiteY8" fmla="*/ 1609169 h 95448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7739360" h="9544823">
                <a:moveTo>
                  <a:pt x="0" y="1609169"/>
                </a:moveTo>
                <a:cubicBezTo>
                  <a:pt x="0" y="728993"/>
                  <a:pt x="57517" y="0"/>
                  <a:pt x="937693" y="0"/>
                </a:cubicBezTo>
                <a:lnTo>
                  <a:pt x="16798803" y="15469"/>
                </a:lnTo>
                <a:cubicBezTo>
                  <a:pt x="17678979" y="15469"/>
                  <a:pt x="17739360" y="728993"/>
                  <a:pt x="17739360" y="1609169"/>
                </a:cubicBezTo>
                <a:lnTo>
                  <a:pt x="17739360" y="7983780"/>
                </a:lnTo>
                <a:cubicBezTo>
                  <a:pt x="17739360" y="8863956"/>
                  <a:pt x="17649759" y="9528781"/>
                  <a:pt x="16769583" y="9528781"/>
                </a:cubicBezTo>
                <a:lnTo>
                  <a:pt x="940557" y="9544823"/>
                </a:lnTo>
                <a:cubicBezTo>
                  <a:pt x="60381" y="9544823"/>
                  <a:pt x="0" y="8863956"/>
                  <a:pt x="0" y="7983780"/>
                </a:cubicBezTo>
                <a:lnTo>
                  <a:pt x="0" y="1609169"/>
                </a:lnTo>
                <a:close/>
              </a:path>
            </a:pathLst>
          </a:custGeom>
          <a:solidFill>
            <a:schemeClr val="bg2"/>
          </a:solidFill>
          <a:ln>
            <a:solidFill>
              <a:schemeClr val="bg2"/>
            </a:solidFill>
          </a:ln>
          <a:effectLst>
            <a:glow>
              <a:schemeClr val="accent1">
                <a:alpha val="40000"/>
              </a:schemeClr>
            </a:glow>
            <a:softEdge rad="0"/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endParaRPr lang="da-DK" sz="800" dirty="0"/>
          </a:p>
        </p:txBody>
      </p:sp>
      <p:sp>
        <p:nvSpPr>
          <p:cNvPr id="43" name="Rektangel: afrundede hjørner 14">
            <a:extLst>
              <a:ext uri="{FF2B5EF4-FFF2-40B4-BE49-F238E27FC236}">
                <a16:creationId xmlns:a16="http://schemas.microsoft.com/office/drawing/2014/main" id="{367C54F7-58F5-747C-D4D4-008A48A592D5}"/>
              </a:ext>
            </a:extLst>
          </p:cNvPr>
          <p:cNvSpPr/>
          <p:nvPr/>
        </p:nvSpPr>
        <p:spPr>
          <a:xfrm>
            <a:off x="15695200" y="4416517"/>
            <a:ext cx="12562968" cy="6663506"/>
          </a:xfrm>
          <a:custGeom>
            <a:avLst/>
            <a:gdLst>
              <a:gd name="connsiteX0" fmla="*/ 0 w 17739360"/>
              <a:gd name="connsiteY0" fmla="*/ 1593700 h 9562011"/>
              <a:gd name="connsiteX1" fmla="*/ 1593700 w 17739360"/>
              <a:gd name="connsiteY1" fmla="*/ 0 h 9562011"/>
              <a:gd name="connsiteX2" fmla="*/ 16145660 w 17739360"/>
              <a:gd name="connsiteY2" fmla="*/ 0 h 9562011"/>
              <a:gd name="connsiteX3" fmla="*/ 17739360 w 17739360"/>
              <a:gd name="connsiteY3" fmla="*/ 1593700 h 9562011"/>
              <a:gd name="connsiteX4" fmla="*/ 17739360 w 17739360"/>
              <a:gd name="connsiteY4" fmla="*/ 7968311 h 9562011"/>
              <a:gd name="connsiteX5" fmla="*/ 16145660 w 17739360"/>
              <a:gd name="connsiteY5" fmla="*/ 9562011 h 9562011"/>
              <a:gd name="connsiteX6" fmla="*/ 1593700 w 17739360"/>
              <a:gd name="connsiteY6" fmla="*/ 9562011 h 9562011"/>
              <a:gd name="connsiteX7" fmla="*/ 0 w 17739360"/>
              <a:gd name="connsiteY7" fmla="*/ 7968311 h 9562011"/>
              <a:gd name="connsiteX8" fmla="*/ 0 w 17739360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149355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1597395 w 17743055"/>
              <a:gd name="connsiteY6" fmla="*/ 9562011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149355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944252 w 17743055"/>
              <a:gd name="connsiteY6" fmla="*/ 9529354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3055"/>
              <a:gd name="connsiteY0" fmla="*/ 1593700 h 9562011"/>
              <a:gd name="connsiteX1" fmla="*/ 780967 w 17743055"/>
              <a:gd name="connsiteY1" fmla="*/ 0 h 9562011"/>
              <a:gd name="connsiteX2" fmla="*/ 16802498 w 17743055"/>
              <a:gd name="connsiteY2" fmla="*/ 0 h 9562011"/>
              <a:gd name="connsiteX3" fmla="*/ 17743055 w 17743055"/>
              <a:gd name="connsiteY3" fmla="*/ 1593700 h 9562011"/>
              <a:gd name="connsiteX4" fmla="*/ 17743055 w 17743055"/>
              <a:gd name="connsiteY4" fmla="*/ 7968311 h 9562011"/>
              <a:gd name="connsiteX5" fmla="*/ 16149355 w 17743055"/>
              <a:gd name="connsiteY5" fmla="*/ 9562011 h 9562011"/>
              <a:gd name="connsiteX6" fmla="*/ 944252 w 17743055"/>
              <a:gd name="connsiteY6" fmla="*/ 9529354 h 9562011"/>
              <a:gd name="connsiteX7" fmla="*/ 3695 w 17743055"/>
              <a:gd name="connsiteY7" fmla="*/ 7968311 h 9562011"/>
              <a:gd name="connsiteX8" fmla="*/ 3695 w 17743055"/>
              <a:gd name="connsiteY8" fmla="*/ 1593700 h 9562011"/>
              <a:gd name="connsiteX0" fmla="*/ 3695 w 17746750"/>
              <a:gd name="connsiteY0" fmla="*/ 1593700 h 9529354"/>
              <a:gd name="connsiteX1" fmla="*/ 780967 w 17746750"/>
              <a:gd name="connsiteY1" fmla="*/ 0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3695 w 17746750"/>
              <a:gd name="connsiteY0" fmla="*/ 1626357 h 9562011"/>
              <a:gd name="connsiteX1" fmla="*/ 780967 w 17746750"/>
              <a:gd name="connsiteY1" fmla="*/ 0 h 9562011"/>
              <a:gd name="connsiteX2" fmla="*/ 16802498 w 17746750"/>
              <a:gd name="connsiteY2" fmla="*/ 32657 h 9562011"/>
              <a:gd name="connsiteX3" fmla="*/ 17743055 w 17746750"/>
              <a:gd name="connsiteY3" fmla="*/ 1626357 h 9562011"/>
              <a:gd name="connsiteX4" fmla="*/ 17743055 w 17746750"/>
              <a:gd name="connsiteY4" fmla="*/ 8000968 h 9562011"/>
              <a:gd name="connsiteX5" fmla="*/ 16965784 w 17746750"/>
              <a:gd name="connsiteY5" fmla="*/ 9562011 h 9562011"/>
              <a:gd name="connsiteX6" fmla="*/ 944252 w 17746750"/>
              <a:gd name="connsiteY6" fmla="*/ 9562011 h 9562011"/>
              <a:gd name="connsiteX7" fmla="*/ 3695 w 17746750"/>
              <a:gd name="connsiteY7" fmla="*/ 8000968 h 9562011"/>
              <a:gd name="connsiteX8" fmla="*/ 3695 w 17746750"/>
              <a:gd name="connsiteY8" fmla="*/ 1626357 h 9562011"/>
              <a:gd name="connsiteX0" fmla="*/ 3695 w 17746750"/>
              <a:gd name="connsiteY0" fmla="*/ 1593700 h 9529354"/>
              <a:gd name="connsiteX1" fmla="*/ 780967 w 17746750"/>
              <a:gd name="connsiteY1" fmla="*/ 65314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3695 w 17746750"/>
              <a:gd name="connsiteY0" fmla="*/ 1593700 h 9529354"/>
              <a:gd name="connsiteX1" fmla="*/ 780967 w 17746750"/>
              <a:gd name="connsiteY1" fmla="*/ 32657 h 9529354"/>
              <a:gd name="connsiteX2" fmla="*/ 16802498 w 17746750"/>
              <a:gd name="connsiteY2" fmla="*/ 0 h 9529354"/>
              <a:gd name="connsiteX3" fmla="*/ 17743055 w 17746750"/>
              <a:gd name="connsiteY3" fmla="*/ 1593700 h 9529354"/>
              <a:gd name="connsiteX4" fmla="*/ 17743055 w 17746750"/>
              <a:gd name="connsiteY4" fmla="*/ 7968311 h 9529354"/>
              <a:gd name="connsiteX5" fmla="*/ 16965784 w 17746750"/>
              <a:gd name="connsiteY5" fmla="*/ 9529354 h 9529354"/>
              <a:gd name="connsiteX6" fmla="*/ 944252 w 17746750"/>
              <a:gd name="connsiteY6" fmla="*/ 9529354 h 9529354"/>
              <a:gd name="connsiteX7" fmla="*/ 3695 w 17746750"/>
              <a:gd name="connsiteY7" fmla="*/ 7968311 h 9529354"/>
              <a:gd name="connsiteX8" fmla="*/ 3695 w 17746750"/>
              <a:gd name="connsiteY8" fmla="*/ 1593700 h 9529354"/>
              <a:gd name="connsiteX0" fmla="*/ 0 w 17743055"/>
              <a:gd name="connsiteY0" fmla="*/ 1609169 h 9544823"/>
              <a:gd name="connsiteX1" fmla="*/ 937693 w 17743055"/>
              <a:gd name="connsiteY1" fmla="*/ 0 h 9544823"/>
              <a:gd name="connsiteX2" fmla="*/ 16798803 w 17743055"/>
              <a:gd name="connsiteY2" fmla="*/ 15469 h 9544823"/>
              <a:gd name="connsiteX3" fmla="*/ 17739360 w 17743055"/>
              <a:gd name="connsiteY3" fmla="*/ 1609169 h 9544823"/>
              <a:gd name="connsiteX4" fmla="*/ 17739360 w 17743055"/>
              <a:gd name="connsiteY4" fmla="*/ 7983780 h 9544823"/>
              <a:gd name="connsiteX5" fmla="*/ 16962089 w 17743055"/>
              <a:gd name="connsiteY5" fmla="*/ 9544823 h 9544823"/>
              <a:gd name="connsiteX6" fmla="*/ 940557 w 17743055"/>
              <a:gd name="connsiteY6" fmla="*/ 9544823 h 9544823"/>
              <a:gd name="connsiteX7" fmla="*/ 0 w 17743055"/>
              <a:gd name="connsiteY7" fmla="*/ 7983780 h 9544823"/>
              <a:gd name="connsiteX8" fmla="*/ 0 w 17743055"/>
              <a:gd name="connsiteY8" fmla="*/ 1609169 h 9544823"/>
              <a:gd name="connsiteX0" fmla="*/ 0 w 17739360"/>
              <a:gd name="connsiteY0" fmla="*/ 1609169 h 9544823"/>
              <a:gd name="connsiteX1" fmla="*/ 937693 w 17739360"/>
              <a:gd name="connsiteY1" fmla="*/ 0 h 9544823"/>
              <a:gd name="connsiteX2" fmla="*/ 16798803 w 17739360"/>
              <a:gd name="connsiteY2" fmla="*/ 15469 h 9544823"/>
              <a:gd name="connsiteX3" fmla="*/ 17739360 w 17739360"/>
              <a:gd name="connsiteY3" fmla="*/ 1609169 h 9544823"/>
              <a:gd name="connsiteX4" fmla="*/ 17739360 w 17739360"/>
              <a:gd name="connsiteY4" fmla="*/ 7983780 h 9544823"/>
              <a:gd name="connsiteX5" fmla="*/ 16769583 w 17739360"/>
              <a:gd name="connsiteY5" fmla="*/ 9528781 h 9544823"/>
              <a:gd name="connsiteX6" fmla="*/ 940557 w 17739360"/>
              <a:gd name="connsiteY6" fmla="*/ 9544823 h 9544823"/>
              <a:gd name="connsiteX7" fmla="*/ 0 w 17739360"/>
              <a:gd name="connsiteY7" fmla="*/ 7983780 h 9544823"/>
              <a:gd name="connsiteX8" fmla="*/ 0 w 17739360"/>
              <a:gd name="connsiteY8" fmla="*/ 1609169 h 95448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7739360" h="9544823">
                <a:moveTo>
                  <a:pt x="0" y="1609169"/>
                </a:moveTo>
                <a:cubicBezTo>
                  <a:pt x="0" y="728993"/>
                  <a:pt x="57517" y="0"/>
                  <a:pt x="937693" y="0"/>
                </a:cubicBezTo>
                <a:lnTo>
                  <a:pt x="16798803" y="15469"/>
                </a:lnTo>
                <a:cubicBezTo>
                  <a:pt x="17678979" y="15469"/>
                  <a:pt x="17739360" y="728993"/>
                  <a:pt x="17739360" y="1609169"/>
                </a:cubicBezTo>
                <a:lnTo>
                  <a:pt x="17739360" y="7983780"/>
                </a:lnTo>
                <a:cubicBezTo>
                  <a:pt x="17739360" y="8863956"/>
                  <a:pt x="17649759" y="9528781"/>
                  <a:pt x="16769583" y="9528781"/>
                </a:cubicBezTo>
                <a:lnTo>
                  <a:pt x="940557" y="9544823"/>
                </a:lnTo>
                <a:cubicBezTo>
                  <a:pt x="60381" y="9544823"/>
                  <a:pt x="0" y="8863956"/>
                  <a:pt x="0" y="7983780"/>
                </a:cubicBezTo>
                <a:lnTo>
                  <a:pt x="0" y="1609169"/>
                </a:lnTo>
                <a:close/>
              </a:path>
            </a:pathLst>
          </a:custGeom>
          <a:solidFill>
            <a:schemeClr val="accent6"/>
          </a:solidFill>
          <a:ln>
            <a:solidFill>
              <a:schemeClr val="accent6"/>
            </a:solidFill>
          </a:ln>
          <a:effectLst>
            <a:glow>
              <a:schemeClr val="accent1">
                <a:alpha val="40000"/>
              </a:schemeClr>
            </a:glow>
            <a:softEdge rad="0"/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endParaRPr lang="da-DK" sz="800" dirty="0"/>
          </a:p>
        </p:txBody>
      </p:sp>
      <p:sp>
        <p:nvSpPr>
          <p:cNvPr id="46" name="Tekstfelt 45">
            <a:extLst>
              <a:ext uri="{FF2B5EF4-FFF2-40B4-BE49-F238E27FC236}">
                <a16:creationId xmlns:a16="http://schemas.microsoft.com/office/drawing/2014/main" id="{5F75FAC0-0858-8BB3-DC7A-7A613438929F}"/>
              </a:ext>
            </a:extLst>
          </p:cNvPr>
          <p:cNvSpPr txBox="1"/>
          <p:nvPr/>
        </p:nvSpPr>
        <p:spPr>
          <a:xfrm>
            <a:off x="6902177" y="11707838"/>
            <a:ext cx="4431569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6000" b="1" dirty="0">
                <a:ln>
                  <a:solidFill>
                    <a:schemeClr val="tx1"/>
                  </a:solidFill>
                </a:ln>
              </a:rPr>
              <a:t>Muligheder</a:t>
            </a:r>
          </a:p>
        </p:txBody>
      </p:sp>
      <p:pic>
        <p:nvPicPr>
          <p:cNvPr id="47" name="Billede 46" descr="Et billede, der indeholder sort, mørke&#10;&#10;Automatisk genereret beskrivelse">
            <a:extLst>
              <a:ext uri="{FF2B5EF4-FFF2-40B4-BE49-F238E27FC236}">
                <a16:creationId xmlns:a16="http://schemas.microsoft.com/office/drawing/2014/main" id="{7889FE72-A13E-BDA0-9417-AAE678E9A2F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23231" y="11801375"/>
            <a:ext cx="729569" cy="729569"/>
          </a:xfrm>
          <a:prstGeom prst="rect">
            <a:avLst/>
          </a:prstGeom>
        </p:spPr>
      </p:pic>
      <p:sp>
        <p:nvSpPr>
          <p:cNvPr id="48" name="Tekstfelt 47">
            <a:extLst>
              <a:ext uri="{FF2B5EF4-FFF2-40B4-BE49-F238E27FC236}">
                <a16:creationId xmlns:a16="http://schemas.microsoft.com/office/drawing/2014/main" id="{E6A20A93-15DF-02D9-CCE7-447CF7B2FD23}"/>
              </a:ext>
            </a:extLst>
          </p:cNvPr>
          <p:cNvSpPr txBox="1"/>
          <p:nvPr/>
        </p:nvSpPr>
        <p:spPr>
          <a:xfrm>
            <a:off x="20909197" y="11707838"/>
            <a:ext cx="4188677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6000" b="1" dirty="0">
                <a:ln>
                  <a:solidFill>
                    <a:schemeClr val="tx1"/>
                  </a:solidFill>
                </a:ln>
              </a:rPr>
              <a:t>Trusler</a:t>
            </a:r>
          </a:p>
        </p:txBody>
      </p:sp>
      <p:pic>
        <p:nvPicPr>
          <p:cNvPr id="49" name="Pladsholder til indhold 105" descr="Et billede, der indeholder sort, skærmbillede, mørke&#10;&#10;Automatisk genereret beskrivelse">
            <a:extLst>
              <a:ext uri="{FF2B5EF4-FFF2-40B4-BE49-F238E27FC236}">
                <a16:creationId xmlns:a16="http://schemas.microsoft.com/office/drawing/2014/main" id="{8F5C40F8-3314-1993-8E0D-ABE4E620B78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975613" y="11834966"/>
            <a:ext cx="695978" cy="69597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4031063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BaseTemplate 16-9.potx" id="{F767D012-9FC7-4534-9754-66204CC5B369}" vid="{021F263C-B851-4715-8148-95503E4E1E8D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TemplateConfiguration><![CDATA[{"slideVersion":1,"isValidatorEnabled":false,"isLocked":false,"elementsMetadata":[],"slideId":"637902738792750912","enableDocumentContentUpdater":true,"version":"2.0"}]]></TemplafySlideTemplateConfiguration>
</file>

<file path=customXml/item2.xml><?xml version="1.0" encoding="utf-8"?>
<TemplafyTemplateConfiguration><![CDATA[{"elementsMetadata":[{"type":"shape","id":"f158a74a-2d95-4900-bf60-2b3f6f3bfc00","elementConfiguration":{"binding":"{{UserProfile.Institut.Institute}}","type":"text","disableUpdates":false}}],"transformationConfigurations":[],"templateName":"A1 Videnskabelig Poster bredformat","templateDescription":"Scientific poster A1 = 841x594 mm. Horizontal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5e3caed-6666-4962-99c0-17ba786c5c1d" xsi:nil="true"/>
    <lcf76f155ced4ddcb4097134ff3c332f xmlns="c3ac72ac-cbe0-4657-b0cb-68847e098f8b">
      <Terms xmlns="http://schemas.microsoft.com/office/infopath/2007/PartnerControls"/>
    </lcf76f155ced4ddcb4097134ff3c332f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09D7CE848BF9A4C9DDEF9086533460C" ma:contentTypeVersion="12" ma:contentTypeDescription="Opret et nyt dokument." ma:contentTypeScope="" ma:versionID="5c6210811947156e00e83f2b5234cf7f">
  <xsd:schema xmlns:xsd="http://www.w3.org/2001/XMLSchema" xmlns:xs="http://www.w3.org/2001/XMLSchema" xmlns:p="http://schemas.microsoft.com/office/2006/metadata/properties" xmlns:ns2="c3ac72ac-cbe0-4657-b0cb-68847e098f8b" xmlns:ns3="75e3caed-6666-4962-99c0-17ba786c5c1d" targetNamespace="http://schemas.microsoft.com/office/2006/metadata/properties" ma:root="true" ma:fieldsID="cd20d2b302e3bfc0c9f002934e0a11c3" ns2:_="" ns3:_="">
    <xsd:import namespace="c3ac72ac-cbe0-4657-b0cb-68847e098f8b"/>
    <xsd:import namespace="75e3caed-6666-4962-99c0-17ba786c5c1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3ac72ac-cbe0-4657-b0cb-68847e098f8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e3caed-6666-4962-99c0-17ba786c5c1d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4531ece8-23eb-4229-b855-da297888ca94}" ma:internalName="TaxCatchAll" ma:showField="CatchAllData" ma:web="75e3caed-6666-4962-99c0-17ba786c5c1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23007D7-838F-45D5-9A07-C982AE430905}">
  <ds:schemaRefs/>
</ds:datastoreItem>
</file>

<file path=customXml/itemProps2.xml><?xml version="1.0" encoding="utf-8"?>
<ds:datastoreItem xmlns:ds="http://schemas.openxmlformats.org/officeDocument/2006/customXml" ds:itemID="{7F8CECF1-FB77-445D-8A97-3AFFF4434A53}">
  <ds:schemaRefs/>
</ds:datastoreItem>
</file>

<file path=customXml/itemProps3.xml><?xml version="1.0" encoding="utf-8"?>
<ds:datastoreItem xmlns:ds="http://schemas.openxmlformats.org/officeDocument/2006/customXml" ds:itemID="{A64D7B3B-2E1D-45F2-8FAF-247C15369370}">
  <ds:schemaRefs>
    <ds:schemaRef ds:uri="http://schemas.microsoft.com/office/2006/metadata/properties"/>
    <ds:schemaRef ds:uri="http://schemas.microsoft.com/office/infopath/2007/PartnerControls"/>
    <ds:schemaRef ds:uri="75e3caed-6666-4962-99c0-17ba786c5c1d"/>
    <ds:schemaRef ds:uri="c3ac72ac-cbe0-4657-b0cb-68847e098f8b"/>
  </ds:schemaRefs>
</ds:datastoreItem>
</file>

<file path=customXml/itemProps4.xml><?xml version="1.0" encoding="utf-8"?>
<ds:datastoreItem xmlns:ds="http://schemas.openxmlformats.org/officeDocument/2006/customXml" ds:itemID="{FB5852D9-2C92-497B-AEE3-FB8CF6FBE15D}">
  <ds:schemaRefs/>
</ds:datastoreItem>
</file>

<file path=customXml/itemProps5.xml><?xml version="1.0" encoding="utf-8"?>
<ds:datastoreItem xmlns:ds="http://schemas.openxmlformats.org/officeDocument/2006/customXml" ds:itemID="{5D26255C-2A4A-4748-97FD-BB3B72FBE27C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A8330864-82F0-454E-8348-14098710F1E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3ac72ac-cbe0-4657-b0cb-68847e098f8b"/>
    <ds:schemaRef ds:uri="75e3caed-6666-4962-99c0-17ba786c5c1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D31BAED1-E0D4-44DD-9FB8-48263108872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</Template>
  <TotalTime>0</TotalTime>
  <Words>15</Words>
  <Application>Microsoft Office PowerPoint</Application>
  <PresentationFormat>Custom</PresentationFormat>
  <Paragraphs>7</Paragraphs>
  <Slides>1</Slides>
  <Notes>0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2" baseType="lpstr">
      <vt:lpstr>Blank</vt:lpstr>
      <vt:lpstr>SWOT-analyse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2</cp:revision>
  <dcterms:created xsi:type="dcterms:W3CDTF">2025-01-24T09:47:56Z</dcterms:created>
  <dcterms:modified xsi:type="dcterms:W3CDTF">2025-02-03T09:36:2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22-08-26T10:48:40</vt:lpwstr>
  </property>
  <property fmtid="{D5CDD505-2E9C-101B-9397-08002B2CF9AE}" pid="4" name="TemplafyTenantId">
    <vt:lpwstr>sdu</vt:lpwstr>
  </property>
  <property fmtid="{D5CDD505-2E9C-101B-9397-08002B2CF9AE}" pid="5" name="TemplafyTemplateId">
    <vt:lpwstr>637011948172745905</vt:lpwstr>
  </property>
  <property fmtid="{D5CDD505-2E9C-101B-9397-08002B2CF9AE}" pid="6" name="TemplafyUserProfileId">
    <vt:lpwstr>638007218062643903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  <property fmtid="{D5CDD505-2E9C-101B-9397-08002B2CF9AE}" pid="9" name="ContentTypeId">
    <vt:lpwstr>0x010100209D7CE848BF9A4C9DDEF9086533460C</vt:lpwstr>
  </property>
  <property fmtid="{D5CDD505-2E9C-101B-9397-08002B2CF9AE}" pid="10" name="MediaServiceImageTags">
    <vt:lpwstr/>
  </property>
</Properties>
</file>